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Ⅱ統計\１　一般状況\ＸＬＳ\"/>
    </mc:Choice>
  </mc:AlternateContent>
  <bookViews>
    <workbookView xWindow="0" yWindow="0" windowWidth="20490" windowHeight="7185"/>
  </bookViews>
  <sheets>
    <sheet name="第1表" sheetId="1" r:id="rId1"/>
  </sheets>
  <definedNames>
    <definedName name="_Key1" hidden="1">#REF!</definedName>
    <definedName name="_Order1" hidden="1">0</definedName>
    <definedName name="\b">#REF!</definedName>
    <definedName name="_xlnm.Print_Area" localSheetId="0">第1表!$A$1:$Y$4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4" uniqueCount="94">
  <si>
    <t>１.一般状況</t>
  </si>
  <si>
    <t>第１表　一般状況</t>
    <phoneticPr fontId="1"/>
  </si>
  <si>
    <t>事業開始年月日</t>
    <rPh sb="2" eb="4">
      <t>カイシ</t>
    </rPh>
    <rPh sb="4" eb="7">
      <t>ネンガッピ</t>
    </rPh>
    <phoneticPr fontId="1"/>
  </si>
  <si>
    <t>世帯数</t>
    <phoneticPr fontId="1"/>
  </si>
  <si>
    <t>退職世帯数 (再掲)</t>
    <phoneticPr fontId="1"/>
  </si>
  <si>
    <t>被保険者総数</t>
    <phoneticPr fontId="1"/>
  </si>
  <si>
    <t>一 般 被 保 険 者 数</t>
    <rPh sb="0" eb="1">
      <t>イチ</t>
    </rPh>
    <rPh sb="2" eb="3">
      <t>パン</t>
    </rPh>
    <rPh sb="4" eb="5">
      <t>ヒ</t>
    </rPh>
    <rPh sb="6" eb="7">
      <t>ホ</t>
    </rPh>
    <rPh sb="8" eb="9">
      <t>ケン</t>
    </rPh>
    <rPh sb="10" eb="11">
      <t>シャ</t>
    </rPh>
    <rPh sb="12" eb="13">
      <t>スウ</t>
    </rPh>
    <phoneticPr fontId="1"/>
  </si>
  <si>
    <t>前 期 高 齢 者 数</t>
    <rPh sb="0" eb="1">
      <t>マエ</t>
    </rPh>
    <rPh sb="2" eb="3">
      <t>キ</t>
    </rPh>
    <rPh sb="4" eb="5">
      <t>タカ</t>
    </rPh>
    <rPh sb="6" eb="7">
      <t>ヨワイ</t>
    </rPh>
    <rPh sb="8" eb="9">
      <t>シャ</t>
    </rPh>
    <rPh sb="10" eb="11">
      <t>スウ</t>
    </rPh>
    <phoneticPr fontId="1"/>
  </si>
  <si>
    <t>退   職   被   保   険   者   等   数</t>
    <phoneticPr fontId="1"/>
  </si>
  <si>
    <t>介 護 第 ２ 号
被 保 険 者 数</t>
    <rPh sb="0" eb="1">
      <t>スケ</t>
    </rPh>
    <rPh sb="2" eb="3">
      <t>マモル</t>
    </rPh>
    <rPh sb="4" eb="5">
      <t>ダイ</t>
    </rPh>
    <rPh sb="8" eb="9">
      <t>ゴウ</t>
    </rPh>
    <rPh sb="10" eb="11">
      <t>ヒ</t>
    </rPh>
    <rPh sb="12" eb="13">
      <t>タモツ</t>
    </rPh>
    <rPh sb="14" eb="15">
      <t>ケン</t>
    </rPh>
    <rPh sb="16" eb="17">
      <t>モノ</t>
    </rPh>
    <rPh sb="18" eb="19">
      <t>スウ</t>
    </rPh>
    <phoneticPr fontId="1"/>
  </si>
  <si>
    <t>事務
職員数</t>
    <rPh sb="3" eb="6">
      <t>ショクインスウ</t>
    </rPh>
    <phoneticPr fontId="1"/>
  </si>
  <si>
    <t>保険者名</t>
  </si>
  <si>
    <t>年度末</t>
  </si>
  <si>
    <t>年間平均</t>
  </si>
  <si>
    <t xml:space="preserve">単 独 世 帯 </t>
  </si>
  <si>
    <t xml:space="preserve">混 合 世 帯 </t>
  </si>
  <si>
    <t>本　　人</t>
  </si>
  <si>
    <t>被 扶 養 者</t>
  </si>
  <si>
    <t>計</t>
    <phoneticPr fontId="1"/>
  </si>
  <si>
    <t>年度末</t>
    <phoneticPr fontId="1"/>
  </si>
  <si>
    <t>年間平均</t>
    <phoneticPr fontId="1"/>
  </si>
  <si>
    <t>専任</t>
    <phoneticPr fontId="1"/>
  </si>
  <si>
    <t>兼任</t>
    <phoneticPr fontId="1"/>
  </si>
  <si>
    <t xml:space="preserve"> 横浜市</t>
    <phoneticPr fontId="1"/>
  </si>
  <si>
    <t>昭和36年４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川崎市</t>
  </si>
  <si>
    <t>昭和33年11月１日</t>
    <rPh sb="0" eb="2">
      <t>ショウワ</t>
    </rPh>
    <rPh sb="4" eb="5">
      <t>ネン</t>
    </rPh>
    <rPh sb="7" eb="8">
      <t>ガツ</t>
    </rPh>
    <rPh sb="9" eb="10">
      <t>ニチ</t>
    </rPh>
    <phoneticPr fontId="1"/>
  </si>
  <si>
    <t xml:space="preserve"> 横須賀市</t>
  </si>
  <si>
    <t>昭和31年11月１日</t>
    <rPh sb="0" eb="2">
      <t>ショウワ</t>
    </rPh>
    <rPh sb="4" eb="5">
      <t>ネン</t>
    </rPh>
    <rPh sb="7" eb="8">
      <t>ガツ</t>
    </rPh>
    <rPh sb="9" eb="10">
      <t>ニチ</t>
    </rPh>
    <phoneticPr fontId="1"/>
  </si>
  <si>
    <t xml:space="preserve"> 平塚市</t>
  </si>
  <si>
    <t>昭和29年７月15日</t>
    <rPh sb="0" eb="2">
      <t>ショウワ</t>
    </rPh>
    <rPh sb="4" eb="5">
      <t>ネン</t>
    </rPh>
    <rPh sb="6" eb="7">
      <t>ガツ</t>
    </rPh>
    <rPh sb="9" eb="10">
      <t>ニチ</t>
    </rPh>
    <phoneticPr fontId="1"/>
  </si>
  <si>
    <t xml:space="preserve"> 鎌倉市</t>
  </si>
  <si>
    <t>昭和34年10月１日</t>
    <rPh sb="0" eb="2">
      <t>ショウワ</t>
    </rPh>
    <rPh sb="4" eb="5">
      <t>ネン</t>
    </rPh>
    <rPh sb="7" eb="8">
      <t>ガツ</t>
    </rPh>
    <rPh sb="9" eb="10">
      <t>ニチ</t>
    </rPh>
    <phoneticPr fontId="1"/>
  </si>
  <si>
    <t xml:space="preserve"> 藤沢市</t>
  </si>
  <si>
    <t>昭和29年７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小田原市</t>
  </si>
  <si>
    <t>昭和26年４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茅ヶ崎市</t>
  </si>
  <si>
    <t>昭和30年４月５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逗子市</t>
  </si>
  <si>
    <t>昭和34年４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相模原市</t>
  </si>
  <si>
    <t>昭和25年７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三浦市</t>
  </si>
  <si>
    <t>昭和30年１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秦野市</t>
  </si>
  <si>
    <t xml:space="preserve"> 厚木市</t>
  </si>
  <si>
    <t>昭和30年２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大和市</t>
  </si>
  <si>
    <t>昭和25年３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伊勢原市</t>
  </si>
  <si>
    <t>昭和29年12月１日</t>
    <rPh sb="0" eb="2">
      <t>ショウワ</t>
    </rPh>
    <rPh sb="4" eb="5">
      <t>ネン</t>
    </rPh>
    <rPh sb="7" eb="8">
      <t>ガツ</t>
    </rPh>
    <rPh sb="9" eb="10">
      <t>ニチ</t>
    </rPh>
    <phoneticPr fontId="1"/>
  </si>
  <si>
    <t xml:space="preserve"> 海老名市</t>
  </si>
  <si>
    <t>昭和30年７月20日</t>
    <rPh sb="0" eb="2">
      <t>ショウワ</t>
    </rPh>
    <rPh sb="4" eb="5">
      <t>ネン</t>
    </rPh>
    <rPh sb="6" eb="7">
      <t>ガツ</t>
    </rPh>
    <rPh sb="9" eb="10">
      <t>ニチ</t>
    </rPh>
    <phoneticPr fontId="1"/>
  </si>
  <si>
    <t xml:space="preserve"> 座間市</t>
  </si>
  <si>
    <t>昭和25年１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>昭和26年６月１日</t>
    <phoneticPr fontId="1"/>
  </si>
  <si>
    <t xml:space="preserve"> 中井町</t>
  </si>
  <si>
    <t>昭和25年４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大井町</t>
  </si>
  <si>
    <t>昭和31年４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松田町</t>
  </si>
  <si>
    <t xml:space="preserve"> 山北町</t>
  </si>
  <si>
    <t xml:space="preserve"> 開成町</t>
  </si>
  <si>
    <t xml:space="preserve"> 箱根町</t>
  </si>
  <si>
    <t>昭和30年９月30日</t>
    <rPh sb="0" eb="2">
      <t>ショウワ</t>
    </rPh>
    <rPh sb="4" eb="5">
      <t>ネン</t>
    </rPh>
    <rPh sb="6" eb="7">
      <t>ガツ</t>
    </rPh>
    <rPh sb="9" eb="10">
      <t>ニチ</t>
    </rPh>
    <phoneticPr fontId="1"/>
  </si>
  <si>
    <t xml:space="preserve"> 真鶴町</t>
  </si>
  <si>
    <t xml:space="preserve"> 湯河原町</t>
  </si>
  <si>
    <t>昭和30年４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愛川町</t>
  </si>
  <si>
    <t>昭和30年１月15日</t>
    <rPh sb="0" eb="2">
      <t>ショウワ</t>
    </rPh>
    <rPh sb="4" eb="5">
      <t>ネン</t>
    </rPh>
    <rPh sb="6" eb="7">
      <t>ガツ</t>
    </rPh>
    <rPh sb="9" eb="10">
      <t>ニチ</t>
    </rPh>
    <phoneticPr fontId="1"/>
  </si>
  <si>
    <t xml:space="preserve"> 清川村</t>
  </si>
  <si>
    <t>昭和31年９月30日</t>
    <rPh sb="0" eb="2">
      <t>ショウワ</t>
    </rPh>
    <rPh sb="4" eb="5">
      <t>ネン</t>
    </rPh>
    <rPh sb="6" eb="7">
      <t>ガツ</t>
    </rPh>
    <rPh sb="9" eb="10">
      <t>ニチ</t>
    </rPh>
    <phoneticPr fontId="1"/>
  </si>
  <si>
    <t>市町村計</t>
  </si>
  <si>
    <t>－</t>
  </si>
  <si>
    <t xml:space="preserve"> 医　師</t>
    <phoneticPr fontId="1"/>
  </si>
  <si>
    <t xml:space="preserve"> 歯科医師</t>
    <phoneticPr fontId="1"/>
  </si>
  <si>
    <t xml:space="preserve"> 食品衛生</t>
    <phoneticPr fontId="1"/>
  </si>
  <si>
    <t>昭和34年６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薬剤師</t>
    <phoneticPr fontId="1"/>
  </si>
  <si>
    <t>昭和36年２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建設業</t>
    <phoneticPr fontId="1"/>
  </si>
  <si>
    <t>昭和45年７月13日</t>
    <rPh sb="0" eb="2">
      <t>ショウワ</t>
    </rPh>
    <rPh sb="4" eb="5">
      <t>ネン</t>
    </rPh>
    <rPh sb="6" eb="7">
      <t>ガツ</t>
    </rPh>
    <rPh sb="9" eb="10">
      <t>ニチ</t>
    </rPh>
    <phoneticPr fontId="1"/>
  </si>
  <si>
    <t xml:space="preserve"> 建設連合</t>
    <phoneticPr fontId="1"/>
  </si>
  <si>
    <t>昭和45年８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>組  合  計</t>
    <phoneticPr fontId="1"/>
  </si>
  <si>
    <t>県　         　計</t>
    <phoneticPr fontId="1"/>
  </si>
  <si>
    <t>(注)　｢年間平均｣は市町村３～２月分、組合４～３月分。</t>
    <rPh sb="11" eb="14">
      <t>シチョウソン</t>
    </rPh>
    <rPh sb="17" eb="18">
      <t>ツキ</t>
    </rPh>
    <rPh sb="18" eb="19">
      <t>ブン</t>
    </rPh>
    <rPh sb="20" eb="22">
      <t>クミア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0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8"/>
      <name val="ＭＳ Ｐゴシック"/>
      <family val="3"/>
      <charset val="128"/>
    </font>
    <font>
      <u/>
      <sz val="8"/>
      <name val="ＭＳ Ｐゴシック"/>
      <family val="3"/>
      <charset val="128"/>
    </font>
    <font>
      <sz val="9"/>
      <name val="ＭＳ Ｐゴシック"/>
      <family val="3"/>
      <charset val="128"/>
    </font>
    <font>
      <sz val="8.5"/>
      <name val="ＭＳ Ｐゴシック"/>
      <family val="3"/>
      <charset val="128"/>
    </font>
    <font>
      <sz val="14"/>
      <name val="Terminal"/>
      <family val="3"/>
      <charset val="255"/>
    </font>
    <font>
      <sz val="9"/>
      <name val="ＭＳ ゴシック"/>
      <family val="3"/>
      <charset val="128"/>
    </font>
    <font>
      <sz val="8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39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8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8"/>
      </right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4">
    <xf numFmtId="0" fontId="0" fillId="0" borderId="0"/>
    <xf numFmtId="38" fontId="1" fillId="0" borderId="0" applyFont="0" applyFill="0" applyBorder="0" applyAlignment="0" applyProtection="0"/>
    <xf numFmtId="0" fontId="1" fillId="0" borderId="0"/>
    <xf numFmtId="37" fontId="7" fillId="0" borderId="0"/>
  </cellStyleXfs>
  <cellXfs count="106">
    <xf numFmtId="0" fontId="0" fillId="0" borderId="0" xfId="0"/>
    <xf numFmtId="0" fontId="1" fillId="0" borderId="0" xfId="2" applyFont="1" applyBorder="1" applyAlignment="1" applyProtection="1">
      <alignment horizontal="left" vertical="center"/>
    </xf>
    <xf numFmtId="0" fontId="3" fillId="0" borderId="0" xfId="2" applyFont="1" applyBorder="1" applyAlignment="1">
      <alignment vertical="center"/>
    </xf>
    <xf numFmtId="0" fontId="3" fillId="0" borderId="0" xfId="2" applyFont="1" applyBorder="1" applyAlignment="1" applyProtection="1">
      <alignment horizontal="center" vertical="center"/>
    </xf>
    <xf numFmtId="38" fontId="3" fillId="0" borderId="0" xfId="1" applyFont="1" applyBorder="1" applyAlignment="1">
      <alignment vertical="center"/>
    </xf>
    <xf numFmtId="38" fontId="3" fillId="0" borderId="0" xfId="1" applyFont="1" applyFill="1" applyBorder="1" applyAlignment="1">
      <alignment vertical="center"/>
    </xf>
    <xf numFmtId="0" fontId="3" fillId="0" borderId="0" xfId="2" applyFont="1" applyAlignment="1">
      <alignment vertical="center"/>
    </xf>
    <xf numFmtId="38" fontId="3" fillId="0" borderId="0" xfId="1" applyFont="1" applyBorder="1" applyAlignment="1" applyProtection="1">
      <alignment horizontal="left" vertical="center"/>
    </xf>
    <xf numFmtId="38" fontId="4" fillId="0" borderId="0" xfId="1" applyFont="1" applyBorder="1" applyAlignment="1" applyProtection="1">
      <alignment vertical="center"/>
    </xf>
    <xf numFmtId="38" fontId="3" fillId="0" borderId="1" xfId="1" applyFont="1" applyBorder="1" applyAlignment="1">
      <alignment vertical="center"/>
    </xf>
    <xf numFmtId="38" fontId="4" fillId="0" borderId="1" xfId="1" applyFont="1" applyBorder="1" applyAlignment="1" applyProtection="1">
      <alignment vertical="center"/>
    </xf>
    <xf numFmtId="0" fontId="5" fillId="0" borderId="2" xfId="2" applyFont="1" applyBorder="1" applyAlignment="1">
      <alignment vertical="center"/>
    </xf>
    <xf numFmtId="0" fontId="5" fillId="0" borderId="3" xfId="2" applyFont="1" applyBorder="1" applyAlignment="1">
      <alignment vertical="center"/>
    </xf>
    <xf numFmtId="38" fontId="6" fillId="0" borderId="15" xfId="1" applyFont="1" applyBorder="1" applyAlignment="1" applyProtection="1">
      <alignment horizontal="centerContinuous" shrinkToFit="1"/>
    </xf>
    <xf numFmtId="38" fontId="6" fillId="0" borderId="16" xfId="1" applyFont="1" applyBorder="1" applyAlignment="1">
      <alignment horizontal="centerContinuous" shrinkToFit="1"/>
    </xf>
    <xf numFmtId="38" fontId="6" fillId="0" borderId="17" xfId="1" applyFont="1" applyBorder="1" applyAlignment="1">
      <alignment horizontal="centerContinuous" shrinkToFit="1"/>
    </xf>
    <xf numFmtId="38" fontId="6" fillId="0" borderId="15" xfId="1" applyFont="1" applyBorder="1" applyAlignment="1" applyProtection="1">
      <alignment horizontal="centerContinuous" vertical="center" shrinkToFit="1"/>
    </xf>
    <xf numFmtId="38" fontId="6" fillId="0" borderId="16" xfId="1" applyFont="1" applyBorder="1" applyAlignment="1">
      <alignment horizontal="centerContinuous" vertical="center" shrinkToFit="1"/>
    </xf>
    <xf numFmtId="38" fontId="6" fillId="0" borderId="17" xfId="1" applyFont="1" applyBorder="1" applyAlignment="1">
      <alignment horizontal="centerContinuous" vertical="center" shrinkToFit="1"/>
    </xf>
    <xf numFmtId="0" fontId="5" fillId="0" borderId="19" xfId="2" applyFont="1" applyBorder="1" applyAlignment="1">
      <alignment vertical="center"/>
    </xf>
    <xf numFmtId="0" fontId="5" fillId="0" borderId="20" xfId="2" applyFont="1" applyBorder="1" applyAlignment="1">
      <alignment vertical="center"/>
    </xf>
    <xf numFmtId="38" fontId="6" fillId="0" borderId="22" xfId="1" applyFont="1" applyBorder="1" applyAlignment="1" applyProtection="1">
      <alignment horizontal="center" vertical="center" shrinkToFit="1"/>
    </xf>
    <xf numFmtId="38" fontId="6" fillId="0" borderId="21" xfId="1" applyFont="1" applyBorder="1" applyAlignment="1" applyProtection="1">
      <alignment horizontal="center" vertical="center" shrinkToFit="1"/>
    </xf>
    <xf numFmtId="38" fontId="6" fillId="0" borderId="23" xfId="1" applyFont="1" applyBorder="1" applyAlignment="1" applyProtection="1">
      <alignment horizontal="center" vertical="center" shrinkToFit="1"/>
    </xf>
    <xf numFmtId="38" fontId="6" fillId="0" borderId="24" xfId="1" applyFont="1" applyBorder="1" applyAlignment="1" applyProtection="1">
      <alignment horizontal="center" vertical="center" shrinkToFit="1"/>
    </xf>
    <xf numFmtId="0" fontId="5" fillId="0" borderId="11" xfId="0" applyFont="1" applyBorder="1" applyAlignment="1" applyProtection="1"/>
    <xf numFmtId="37" fontId="8" fillId="0" borderId="25" xfId="3" applyFont="1" applyFill="1" applyBorder="1" applyAlignment="1" applyProtection="1">
      <alignment horizontal="left"/>
    </xf>
    <xf numFmtId="49" fontId="9" fillId="0" borderId="15" xfId="2" applyNumberFormat="1" applyFont="1" applyBorder="1" applyAlignment="1" applyProtection="1">
      <alignment horizontal="center"/>
    </xf>
    <xf numFmtId="38" fontId="6" fillId="0" borderId="15" xfId="1" quotePrefix="1" applyFont="1" applyBorder="1" applyAlignment="1" applyProtection="1"/>
    <xf numFmtId="38" fontId="6" fillId="0" borderId="15" xfId="1" quotePrefix="1" applyFont="1" applyFill="1" applyBorder="1" applyAlignment="1" applyProtection="1"/>
    <xf numFmtId="38" fontId="6" fillId="0" borderId="26" xfId="1" quotePrefix="1" applyFont="1" applyFill="1" applyBorder="1" applyAlignment="1" applyProtection="1"/>
    <xf numFmtId="38" fontId="6" fillId="0" borderId="15" xfId="1" applyFont="1" applyFill="1" applyBorder="1" applyAlignment="1" applyProtection="1"/>
    <xf numFmtId="38" fontId="6" fillId="0" borderId="27" xfId="1" quotePrefix="1" applyFont="1" applyBorder="1" applyAlignment="1" applyProtection="1"/>
    <xf numFmtId="38" fontId="6" fillId="0" borderId="15" xfId="1" applyFont="1" applyBorder="1" applyAlignment="1" applyProtection="1"/>
    <xf numFmtId="38" fontId="6" fillId="0" borderId="26" xfId="1" applyFont="1" applyFill="1" applyBorder="1" applyAlignment="1" applyProtection="1"/>
    <xf numFmtId="38" fontId="6" fillId="0" borderId="27" xfId="1" applyFont="1" applyBorder="1" applyAlignment="1" applyProtection="1"/>
    <xf numFmtId="0" fontId="5" fillId="0" borderId="19" xfId="0" applyFont="1" applyBorder="1" applyAlignment="1" applyProtection="1"/>
    <xf numFmtId="37" fontId="8" fillId="0" borderId="28" xfId="3" applyFont="1" applyFill="1" applyBorder="1" applyAlignment="1" applyProtection="1">
      <alignment horizontal="left"/>
    </xf>
    <xf numFmtId="49" fontId="9" fillId="0" borderId="22" xfId="2" applyNumberFormat="1" applyFont="1" applyBorder="1" applyAlignment="1" applyProtection="1">
      <alignment horizontal="center"/>
    </xf>
    <xf numFmtId="38" fontId="6" fillId="0" borderId="22" xfId="1" applyFont="1" applyBorder="1" applyAlignment="1" applyProtection="1"/>
    <xf numFmtId="38" fontId="6" fillId="0" borderId="23" xfId="1" quotePrefix="1" applyFont="1" applyBorder="1" applyAlignment="1" applyProtection="1"/>
    <xf numFmtId="38" fontId="6" fillId="0" borderId="22" xfId="1" applyFont="1" applyFill="1" applyBorder="1" applyAlignment="1" applyProtection="1"/>
    <xf numFmtId="38" fontId="6" fillId="0" borderId="21" xfId="1" applyFont="1" applyFill="1" applyBorder="1" applyAlignment="1" applyProtection="1"/>
    <xf numFmtId="38" fontId="6" fillId="0" borderId="24" xfId="1" applyFont="1" applyBorder="1" applyAlignment="1" applyProtection="1"/>
    <xf numFmtId="38" fontId="6" fillId="0" borderId="21" xfId="1" applyFont="1" applyBorder="1" applyAlignment="1" applyProtection="1"/>
    <xf numFmtId="38" fontId="5" fillId="0" borderId="31" xfId="1" applyFont="1" applyBorder="1" applyAlignment="1" applyProtection="1">
      <alignment horizontal="left"/>
    </xf>
    <xf numFmtId="38" fontId="6" fillId="0" borderId="32" xfId="1" applyFont="1" applyBorder="1" applyAlignment="1" applyProtection="1"/>
    <xf numFmtId="38" fontId="6" fillId="0" borderId="32" xfId="1" applyFont="1" applyFill="1" applyBorder="1" applyAlignment="1" applyProtection="1"/>
    <xf numFmtId="38" fontId="5" fillId="0" borderId="26" xfId="1" applyFont="1" applyBorder="1" applyAlignment="1" applyProtection="1">
      <alignment horizontal="left"/>
    </xf>
    <xf numFmtId="38" fontId="6" fillId="0" borderId="14" xfId="1" applyFont="1" applyBorder="1" applyAlignment="1" applyProtection="1"/>
    <xf numFmtId="38" fontId="6" fillId="0" borderId="14" xfId="1" applyFont="1" applyFill="1" applyBorder="1" applyAlignment="1" applyProtection="1"/>
    <xf numFmtId="38" fontId="6" fillId="0" borderId="33" xfId="1" applyFont="1" applyBorder="1" applyAlignment="1" applyProtection="1"/>
    <xf numFmtId="38" fontId="6" fillId="0" borderId="33" xfId="1" applyFont="1" applyFill="1" applyBorder="1" applyAlignment="1" applyProtection="1"/>
    <xf numFmtId="38" fontId="6" fillId="0" borderId="26" xfId="1" applyFont="1" applyBorder="1" applyAlignment="1" applyProtection="1"/>
    <xf numFmtId="38" fontId="5" fillId="0" borderId="21" xfId="1" applyFont="1" applyBorder="1" applyAlignment="1" applyProtection="1">
      <alignment horizontal="left"/>
    </xf>
    <xf numFmtId="38" fontId="6" fillId="0" borderId="23" xfId="1" applyFont="1" applyBorder="1" applyAlignment="1" applyProtection="1"/>
    <xf numFmtId="38" fontId="6" fillId="0" borderId="23" xfId="1" applyFont="1" applyFill="1" applyBorder="1" applyAlignment="1" applyProtection="1"/>
    <xf numFmtId="58" fontId="9" fillId="0" borderId="22" xfId="2" applyNumberFormat="1" applyFont="1" applyBorder="1" applyAlignment="1" applyProtection="1">
      <alignment horizontal="center"/>
    </xf>
    <xf numFmtId="58" fontId="9" fillId="0" borderId="36" xfId="2" applyNumberFormat="1" applyFont="1" applyBorder="1" applyAlignment="1" applyProtection="1">
      <alignment horizontal="center"/>
    </xf>
    <xf numFmtId="38" fontId="6" fillId="0" borderId="36" xfId="1" applyFont="1" applyBorder="1" applyAlignment="1" applyProtection="1"/>
    <xf numFmtId="38" fontId="6" fillId="0" borderId="37" xfId="1" applyFont="1" applyBorder="1" applyAlignment="1" applyProtection="1"/>
    <xf numFmtId="38" fontId="6" fillId="0" borderId="36" xfId="1" applyFont="1" applyFill="1" applyBorder="1" applyAlignment="1" applyProtection="1"/>
    <xf numFmtId="38" fontId="6" fillId="0" borderId="37" xfId="1" applyFont="1" applyFill="1" applyBorder="1" applyAlignment="1" applyProtection="1"/>
    <xf numFmtId="38" fontId="6" fillId="0" borderId="38" xfId="1" applyFont="1" applyBorder="1" applyAlignment="1" applyProtection="1"/>
    <xf numFmtId="38" fontId="5" fillId="0" borderId="0" xfId="1" applyFont="1" applyAlignment="1" applyProtection="1">
      <alignment horizontal="left" vertical="center"/>
    </xf>
    <xf numFmtId="0" fontId="5" fillId="0" borderId="0" xfId="2" applyFont="1" applyAlignment="1">
      <alignment vertical="center"/>
    </xf>
    <xf numFmtId="38" fontId="3" fillId="0" borderId="0" xfId="1" applyFont="1" applyAlignment="1" applyProtection="1">
      <alignment horizontal="center"/>
    </xf>
    <xf numFmtId="38" fontId="3" fillId="0" borderId="0" xfId="1" applyFont="1" applyAlignment="1"/>
    <xf numFmtId="38" fontId="3" fillId="0" borderId="0" xfId="1" applyFont="1" applyAlignment="1" applyProtection="1">
      <alignment horizontal="left"/>
    </xf>
    <xf numFmtId="0" fontId="3" fillId="0" borderId="0" xfId="2" applyFont="1" applyAlignment="1"/>
    <xf numFmtId="38" fontId="3" fillId="0" borderId="0" xfId="1" applyFont="1" applyAlignment="1" applyProtection="1"/>
    <xf numFmtId="0" fontId="3" fillId="0" borderId="0" xfId="2" applyFont="1" applyAlignment="1">
      <alignment horizontal="center"/>
    </xf>
    <xf numFmtId="0" fontId="3" fillId="0" borderId="0" xfId="2" applyFont="1"/>
    <xf numFmtId="38" fontId="3" fillId="0" borderId="0" xfId="1" applyFont="1"/>
    <xf numFmtId="0" fontId="5" fillId="0" borderId="29" xfId="2" applyFont="1" applyBorder="1" applyAlignment="1">
      <alignment horizontal="distributed" vertical="center" justifyLastLine="1"/>
    </xf>
    <xf numFmtId="0" fontId="5" fillId="0" borderId="30" xfId="0" applyFont="1" applyBorder="1" applyAlignment="1">
      <alignment horizontal="distributed" vertical="center" justifyLastLine="1"/>
    </xf>
    <xf numFmtId="0" fontId="5" fillId="0" borderId="34" xfId="2" applyFont="1" applyBorder="1" applyAlignment="1">
      <alignment horizontal="distributed" vertical="center" justifyLastLine="1"/>
    </xf>
    <xf numFmtId="0" fontId="5" fillId="0" borderId="35" xfId="0" applyFont="1" applyBorder="1" applyAlignment="1">
      <alignment horizontal="distributed" vertical="center" justifyLastLine="1"/>
    </xf>
    <xf numFmtId="38" fontId="6" fillId="0" borderId="5" xfId="1" applyFont="1" applyBorder="1" applyAlignment="1" applyProtection="1">
      <alignment horizontal="center" shrinkToFit="1"/>
    </xf>
    <xf numFmtId="0" fontId="6" fillId="0" borderId="7" xfId="0" applyFont="1" applyBorder="1" applyAlignment="1">
      <alignment shrinkToFit="1"/>
    </xf>
    <xf numFmtId="0" fontId="6" fillId="0" borderId="6" xfId="0" applyFont="1" applyBorder="1" applyAlignment="1">
      <alignment shrinkToFit="1"/>
    </xf>
    <xf numFmtId="38" fontId="6" fillId="0" borderId="8" xfId="1" applyFont="1" applyBorder="1" applyAlignment="1">
      <alignment horizontal="center" vertical="center" wrapText="1"/>
    </xf>
    <xf numFmtId="0" fontId="6" fillId="0" borderId="9" xfId="0" applyFont="1" applyBorder="1"/>
    <xf numFmtId="0" fontId="6" fillId="0" borderId="15" xfId="0" applyFont="1" applyBorder="1"/>
    <xf numFmtId="0" fontId="6" fillId="0" borderId="17" xfId="0" applyFont="1" applyBorder="1"/>
    <xf numFmtId="38" fontId="6" fillId="0" borderId="8" xfId="1" applyFont="1" applyBorder="1" applyAlignment="1" applyProtection="1">
      <alignment horizontal="distributed" vertical="center" wrapText="1" justifyLastLine="1" shrinkToFit="1"/>
    </xf>
    <xf numFmtId="38" fontId="6" fillId="0" borderId="10" xfId="1" applyFont="1" applyBorder="1" applyAlignment="1" applyProtection="1">
      <alignment horizontal="distributed" vertical="center" justifyLastLine="1" shrinkToFit="1"/>
    </xf>
    <xf numFmtId="38" fontId="6" fillId="0" borderId="15" xfId="1" applyFont="1" applyBorder="1" applyAlignment="1" applyProtection="1">
      <alignment horizontal="distributed" vertical="center" justifyLastLine="1" shrinkToFit="1"/>
    </xf>
    <xf numFmtId="38" fontId="6" fillId="0" borderId="18" xfId="1" applyFont="1" applyBorder="1" applyAlignment="1" applyProtection="1">
      <alignment horizontal="distributed" vertical="center" justifyLastLine="1" shrinkToFit="1"/>
    </xf>
    <xf numFmtId="0" fontId="5" fillId="0" borderId="11" xfId="2" applyFont="1" applyBorder="1" applyAlignment="1">
      <alignment horizontal="distributed" vertical="center" justifyLastLine="1"/>
    </xf>
    <xf numFmtId="0" fontId="5" fillId="0" borderId="12" xfId="0" applyFont="1" applyBorder="1" applyAlignment="1">
      <alignment horizontal="distributed" vertical="center" justifyLastLine="1"/>
    </xf>
    <xf numFmtId="38" fontId="6" fillId="0" borderId="14" xfId="1" applyFont="1" applyBorder="1" applyAlignment="1" applyProtection="1">
      <alignment horizontal="center" vertical="center" shrinkToFit="1"/>
    </xf>
    <xf numFmtId="38" fontId="6" fillId="0" borderId="21" xfId="1" applyFont="1" applyBorder="1" applyAlignment="1" applyProtection="1">
      <alignment horizontal="center" vertical="center" shrinkToFit="1"/>
    </xf>
    <xf numFmtId="0" fontId="3" fillId="0" borderId="4" xfId="2" applyFont="1" applyBorder="1" applyAlignment="1" applyProtection="1">
      <alignment horizontal="center" vertical="center" justifyLastLine="1"/>
    </xf>
    <xf numFmtId="0" fontId="3" fillId="0" borderId="13" xfId="2" applyFont="1" applyBorder="1" applyAlignment="1" applyProtection="1">
      <alignment horizontal="center" vertical="center" justifyLastLine="1"/>
    </xf>
    <xf numFmtId="0" fontId="3" fillId="0" borderId="21" xfId="2" applyFont="1" applyBorder="1" applyAlignment="1" applyProtection="1">
      <alignment horizontal="center" vertical="center" justifyLastLine="1"/>
    </xf>
    <xf numFmtId="38" fontId="6" fillId="0" borderId="5" xfId="1" applyFont="1" applyBorder="1" applyAlignment="1" applyProtection="1">
      <alignment horizontal="distributed" justifyLastLine="1" shrinkToFit="1"/>
    </xf>
    <xf numFmtId="0" fontId="6" fillId="0" borderId="6" xfId="0" applyFont="1" applyBorder="1" applyAlignment="1">
      <alignment horizontal="distributed" justifyLastLine="1" shrinkToFit="1"/>
    </xf>
    <xf numFmtId="0" fontId="6" fillId="0" borderId="7" xfId="0" applyFont="1" applyBorder="1" applyAlignment="1">
      <alignment horizontal="distributed" justifyLastLine="1" shrinkToFit="1"/>
    </xf>
    <xf numFmtId="38" fontId="6" fillId="0" borderId="8" xfId="1" applyFont="1" applyBorder="1" applyAlignment="1" applyProtection="1">
      <alignment horizontal="distributed" vertical="center" justifyLastLine="1" shrinkToFit="1"/>
    </xf>
    <xf numFmtId="38" fontId="6" fillId="0" borderId="9" xfId="1" applyFont="1" applyBorder="1" applyAlignment="1" applyProtection="1">
      <alignment horizontal="distributed" vertical="center" justifyLastLine="1" shrinkToFit="1"/>
    </xf>
    <xf numFmtId="38" fontId="6" fillId="0" borderId="17" xfId="1" applyFont="1" applyBorder="1" applyAlignment="1" applyProtection="1">
      <alignment horizontal="distributed" vertical="center" justifyLastLine="1" shrinkToFit="1"/>
    </xf>
    <xf numFmtId="38" fontId="6" fillId="0" borderId="8" xfId="1" applyFont="1" applyBorder="1" applyAlignment="1" applyProtection="1">
      <alignment horizontal="center" vertical="center" shrinkToFit="1"/>
    </xf>
    <xf numFmtId="38" fontId="6" fillId="0" borderId="9" xfId="1" applyFont="1" applyBorder="1" applyAlignment="1" applyProtection="1">
      <alignment horizontal="center" vertical="center" shrinkToFit="1"/>
    </xf>
    <xf numFmtId="38" fontId="6" fillId="0" borderId="15" xfId="1" applyFont="1" applyBorder="1" applyAlignment="1" applyProtection="1">
      <alignment horizontal="center" vertical="center" shrinkToFit="1"/>
    </xf>
    <xf numFmtId="38" fontId="6" fillId="0" borderId="17" xfId="1" applyFont="1" applyBorder="1" applyAlignment="1" applyProtection="1">
      <alignment horizontal="center" vertical="center" shrinkToFit="1"/>
    </xf>
  </cellXfs>
  <cellStyles count="4">
    <cellStyle name="桁区切り" xfId="1" builtinId="6"/>
    <cellStyle name="標準" xfId="0" builtinId="0"/>
    <cellStyle name="標準_事04統13" xfId="3"/>
    <cellStyle name="標準_第１表_1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75"/>
  <sheetViews>
    <sheetView tabSelected="1" view="pageBreakPreview" zoomScaleNormal="100" zoomScaleSheetLayoutView="100" workbookViewId="0">
      <pane xSplit="3" ySplit="6" topLeftCell="D7" activePane="bottomRight" state="frozen"/>
      <selection pane="topRight" activeCell="D1" sqref="D1"/>
      <selection pane="bottomLeft" activeCell="A7" sqref="A7"/>
      <selection pane="bottomRight" activeCell="AB16" sqref="AB16"/>
    </sheetView>
  </sheetViews>
  <sheetFormatPr defaultRowHeight="10.5" x14ac:dyDescent="0.15"/>
  <cols>
    <col min="1" max="1" width="3.5" style="72" customWidth="1"/>
    <col min="2" max="2" width="9" style="72"/>
    <col min="3" max="3" width="12.625" style="71" customWidth="1"/>
    <col min="4" max="5" width="7" style="73" customWidth="1"/>
    <col min="6" max="7" width="6.125" style="73" customWidth="1"/>
    <col min="8" max="8" width="6" style="73" customWidth="1"/>
    <col min="9" max="9" width="5.625" style="73" customWidth="1"/>
    <col min="10" max="11" width="6.75" style="73" customWidth="1"/>
    <col min="12" max="13" width="7.25" style="73" bestFit="1" customWidth="1"/>
    <col min="14" max="15" width="7" style="73" customWidth="1"/>
    <col min="16" max="19" width="5.625" style="73" customWidth="1"/>
    <col min="20" max="23" width="6.625" style="73" customWidth="1"/>
    <col min="24" max="25" width="3.375" style="73" customWidth="1"/>
    <col min="26" max="29" width="9" style="72"/>
    <col min="30" max="30" width="5.875" style="72" customWidth="1"/>
    <col min="31" max="16384" width="9" style="72"/>
  </cols>
  <sheetData>
    <row r="1" spans="1:25" s="6" customFormat="1" ht="13.5" x14ac:dyDescent="0.15">
      <c r="A1" s="1" t="s">
        <v>0</v>
      </c>
      <c r="B1" s="2"/>
      <c r="C1" s="3"/>
      <c r="D1" s="4"/>
      <c r="E1" s="4"/>
      <c r="F1" s="5"/>
      <c r="G1" s="5"/>
      <c r="H1" s="4"/>
      <c r="I1" s="4"/>
      <c r="J1" s="4"/>
      <c r="K1" s="4"/>
      <c r="L1" s="4"/>
      <c r="M1" s="4"/>
      <c r="N1" s="4"/>
      <c r="O1" s="4"/>
      <c r="P1" s="4"/>
      <c r="Q1" s="4"/>
      <c r="R1" s="4"/>
      <c r="S1" s="4"/>
      <c r="T1" s="4"/>
      <c r="U1" s="4"/>
      <c r="V1" s="4"/>
      <c r="W1" s="4"/>
      <c r="X1" s="4"/>
      <c r="Y1" s="4"/>
    </row>
    <row r="2" spans="1:25" s="6" customFormat="1" ht="13.5" x14ac:dyDescent="0.15">
      <c r="A2" s="1" t="s">
        <v>1</v>
      </c>
      <c r="B2" s="2"/>
      <c r="C2" s="3"/>
      <c r="D2" s="4"/>
      <c r="E2" s="4"/>
      <c r="F2" s="4"/>
      <c r="G2" s="4"/>
      <c r="H2" s="4"/>
      <c r="I2" s="4"/>
      <c r="J2" s="7"/>
      <c r="K2" s="4"/>
      <c r="L2" s="4"/>
      <c r="M2" s="8"/>
      <c r="N2" s="4"/>
      <c r="O2" s="8"/>
      <c r="P2" s="4"/>
      <c r="Q2" s="4"/>
      <c r="R2" s="4"/>
      <c r="S2" s="4"/>
      <c r="T2" s="4"/>
      <c r="U2" s="4"/>
      <c r="V2" s="4"/>
      <c r="W2" s="4"/>
      <c r="X2" s="4"/>
      <c r="Y2" s="4"/>
    </row>
    <row r="3" spans="1:25" s="6" customFormat="1" ht="10.5" customHeight="1" thickBot="1" x14ac:dyDescent="0.2">
      <c r="A3" s="1"/>
      <c r="B3" s="2"/>
      <c r="C3" s="3"/>
      <c r="D3" s="4"/>
      <c r="E3" s="4"/>
      <c r="F3" s="4"/>
      <c r="G3" s="4"/>
      <c r="H3" s="4"/>
      <c r="I3" s="4"/>
      <c r="J3" s="7"/>
      <c r="K3" s="4"/>
      <c r="L3" s="4"/>
      <c r="M3" s="8"/>
      <c r="N3" s="9"/>
      <c r="O3" s="10"/>
      <c r="P3" s="4"/>
      <c r="Q3" s="4"/>
      <c r="R3" s="4"/>
      <c r="S3" s="4"/>
      <c r="T3" s="4"/>
      <c r="U3" s="4"/>
      <c r="V3" s="4"/>
      <c r="W3" s="4"/>
      <c r="X3" s="4"/>
      <c r="Y3" s="4"/>
    </row>
    <row r="4" spans="1:25" s="6" customFormat="1" ht="13.5" customHeight="1" x14ac:dyDescent="0.15">
      <c r="A4" s="11"/>
      <c r="B4" s="12"/>
      <c r="C4" s="93" t="s">
        <v>2</v>
      </c>
      <c r="D4" s="96" t="s">
        <v>3</v>
      </c>
      <c r="E4" s="97"/>
      <c r="F4" s="96" t="s">
        <v>4</v>
      </c>
      <c r="G4" s="98"/>
      <c r="H4" s="98"/>
      <c r="I4" s="97"/>
      <c r="J4" s="99" t="s">
        <v>5</v>
      </c>
      <c r="K4" s="100"/>
      <c r="L4" s="102" t="s">
        <v>6</v>
      </c>
      <c r="M4" s="103"/>
      <c r="N4" s="102" t="s">
        <v>7</v>
      </c>
      <c r="O4" s="103"/>
      <c r="P4" s="78" t="s">
        <v>8</v>
      </c>
      <c r="Q4" s="79"/>
      <c r="R4" s="79"/>
      <c r="S4" s="79"/>
      <c r="T4" s="79"/>
      <c r="U4" s="80"/>
      <c r="V4" s="81" t="s">
        <v>9</v>
      </c>
      <c r="W4" s="82"/>
      <c r="X4" s="85" t="s">
        <v>10</v>
      </c>
      <c r="Y4" s="86"/>
    </row>
    <row r="5" spans="1:25" s="6" customFormat="1" ht="12.75" customHeight="1" x14ac:dyDescent="0.15">
      <c r="A5" s="89" t="s">
        <v>11</v>
      </c>
      <c r="B5" s="90"/>
      <c r="C5" s="94"/>
      <c r="D5" s="91" t="s">
        <v>12</v>
      </c>
      <c r="E5" s="91" t="s">
        <v>13</v>
      </c>
      <c r="F5" s="13" t="s">
        <v>14</v>
      </c>
      <c r="G5" s="14"/>
      <c r="H5" s="13" t="s">
        <v>15</v>
      </c>
      <c r="I5" s="15"/>
      <c r="J5" s="87"/>
      <c r="K5" s="101"/>
      <c r="L5" s="104"/>
      <c r="M5" s="105"/>
      <c r="N5" s="104"/>
      <c r="O5" s="105"/>
      <c r="P5" s="16" t="s">
        <v>16</v>
      </c>
      <c r="Q5" s="17"/>
      <c r="R5" s="16" t="s">
        <v>17</v>
      </c>
      <c r="S5" s="18"/>
      <c r="T5" s="16" t="s">
        <v>18</v>
      </c>
      <c r="U5" s="17"/>
      <c r="V5" s="83"/>
      <c r="W5" s="84"/>
      <c r="X5" s="87"/>
      <c r="Y5" s="88"/>
    </row>
    <row r="6" spans="1:25" s="6" customFormat="1" ht="12.75" customHeight="1" thickBot="1" x14ac:dyDescent="0.2">
      <c r="A6" s="19"/>
      <c r="B6" s="20"/>
      <c r="C6" s="95"/>
      <c r="D6" s="92"/>
      <c r="E6" s="92"/>
      <c r="F6" s="21" t="s">
        <v>12</v>
      </c>
      <c r="G6" s="21" t="s">
        <v>13</v>
      </c>
      <c r="H6" s="21" t="s">
        <v>12</v>
      </c>
      <c r="I6" s="22" t="s">
        <v>13</v>
      </c>
      <c r="J6" s="21" t="s">
        <v>12</v>
      </c>
      <c r="K6" s="21" t="s">
        <v>13</v>
      </c>
      <c r="L6" s="21" t="s">
        <v>12</v>
      </c>
      <c r="M6" s="21" t="s">
        <v>13</v>
      </c>
      <c r="N6" s="23" t="s">
        <v>12</v>
      </c>
      <c r="O6" s="23" t="s">
        <v>13</v>
      </c>
      <c r="P6" s="21" t="s">
        <v>12</v>
      </c>
      <c r="Q6" s="21" t="s">
        <v>13</v>
      </c>
      <c r="R6" s="21" t="s">
        <v>12</v>
      </c>
      <c r="S6" s="22" t="s">
        <v>13</v>
      </c>
      <c r="T6" s="21" t="s">
        <v>12</v>
      </c>
      <c r="U6" s="21" t="s">
        <v>13</v>
      </c>
      <c r="V6" s="21" t="s">
        <v>19</v>
      </c>
      <c r="W6" s="21" t="s">
        <v>20</v>
      </c>
      <c r="X6" s="21" t="s">
        <v>21</v>
      </c>
      <c r="Y6" s="24" t="s">
        <v>22</v>
      </c>
    </row>
    <row r="7" spans="1:25" s="6" customFormat="1" ht="14.1" customHeight="1" thickTop="1" x14ac:dyDescent="0.15">
      <c r="A7" s="25">
        <v>1</v>
      </c>
      <c r="B7" s="26" t="s">
        <v>23</v>
      </c>
      <c r="C7" s="27" t="s">
        <v>24</v>
      </c>
      <c r="D7" s="28">
        <v>507605</v>
      </c>
      <c r="E7" s="28">
        <v>522819</v>
      </c>
      <c r="F7" s="29">
        <v>3790</v>
      </c>
      <c r="G7" s="29">
        <v>5440</v>
      </c>
      <c r="H7" s="29">
        <v>1704</v>
      </c>
      <c r="I7" s="30">
        <v>2336</v>
      </c>
      <c r="J7" s="28">
        <v>782199</v>
      </c>
      <c r="K7" s="28">
        <v>813645</v>
      </c>
      <c r="L7" s="28">
        <v>775228</v>
      </c>
      <c r="M7" s="28">
        <v>803544</v>
      </c>
      <c r="N7" s="28">
        <v>316587</v>
      </c>
      <c r="O7" s="28">
        <v>324428</v>
      </c>
      <c r="P7" s="29">
        <v>5534</v>
      </c>
      <c r="Q7" s="29">
        <v>7822</v>
      </c>
      <c r="R7" s="29">
        <v>1437</v>
      </c>
      <c r="S7" s="30">
        <v>2279</v>
      </c>
      <c r="T7" s="31">
        <v>6971</v>
      </c>
      <c r="U7" s="31">
        <v>10101</v>
      </c>
      <c r="V7" s="28">
        <v>256853</v>
      </c>
      <c r="W7" s="28">
        <v>270245</v>
      </c>
      <c r="X7" s="28">
        <v>43</v>
      </c>
      <c r="Y7" s="32">
        <v>454</v>
      </c>
    </row>
    <row r="8" spans="1:25" s="6" customFormat="1" ht="14.1" customHeight="1" x14ac:dyDescent="0.15">
      <c r="A8" s="25">
        <v>2</v>
      </c>
      <c r="B8" s="26" t="s">
        <v>25</v>
      </c>
      <c r="C8" s="27" t="s">
        <v>26</v>
      </c>
      <c r="D8" s="28">
        <v>191802</v>
      </c>
      <c r="E8" s="28">
        <v>197570</v>
      </c>
      <c r="F8" s="29">
        <v>1875</v>
      </c>
      <c r="G8" s="29">
        <v>2521</v>
      </c>
      <c r="H8" s="29">
        <v>875</v>
      </c>
      <c r="I8" s="30">
        <v>1212</v>
      </c>
      <c r="J8" s="28">
        <v>293540</v>
      </c>
      <c r="K8" s="28">
        <v>306386</v>
      </c>
      <c r="L8" s="28">
        <v>290134</v>
      </c>
      <c r="M8" s="28">
        <v>301703</v>
      </c>
      <c r="N8" s="28">
        <v>103402</v>
      </c>
      <c r="O8" s="28">
        <v>105726</v>
      </c>
      <c r="P8" s="29">
        <v>2782</v>
      </c>
      <c r="Q8" s="29">
        <v>3780</v>
      </c>
      <c r="R8" s="29">
        <v>624</v>
      </c>
      <c r="S8" s="30">
        <v>903</v>
      </c>
      <c r="T8" s="31">
        <v>3406</v>
      </c>
      <c r="U8" s="31">
        <v>4683</v>
      </c>
      <c r="V8" s="28">
        <v>100738</v>
      </c>
      <c r="W8" s="28">
        <v>106538</v>
      </c>
      <c r="X8" s="28">
        <v>146</v>
      </c>
      <c r="Y8" s="32">
        <v>0</v>
      </c>
    </row>
    <row r="9" spans="1:25" s="6" customFormat="1" ht="14.1" customHeight="1" x14ac:dyDescent="0.15">
      <c r="A9" s="25">
        <v>3</v>
      </c>
      <c r="B9" s="26" t="s">
        <v>27</v>
      </c>
      <c r="C9" s="27" t="s">
        <v>28</v>
      </c>
      <c r="D9" s="33">
        <v>66086</v>
      </c>
      <c r="E9" s="28">
        <v>68162</v>
      </c>
      <c r="F9" s="31">
        <v>667</v>
      </c>
      <c r="G9" s="31">
        <v>1009</v>
      </c>
      <c r="H9" s="31">
        <v>337</v>
      </c>
      <c r="I9" s="34">
        <v>498</v>
      </c>
      <c r="J9" s="33">
        <v>104649</v>
      </c>
      <c r="K9" s="33">
        <v>109108</v>
      </c>
      <c r="L9" s="33">
        <v>103408</v>
      </c>
      <c r="M9" s="33">
        <v>107199</v>
      </c>
      <c r="N9" s="33">
        <v>47683</v>
      </c>
      <c r="O9" s="33">
        <v>48863</v>
      </c>
      <c r="P9" s="31">
        <v>1018</v>
      </c>
      <c r="Q9" s="31">
        <v>1528</v>
      </c>
      <c r="R9" s="31">
        <v>223</v>
      </c>
      <c r="S9" s="34">
        <v>381</v>
      </c>
      <c r="T9" s="31">
        <v>1241</v>
      </c>
      <c r="U9" s="31">
        <v>1909</v>
      </c>
      <c r="V9" s="33">
        <v>31586</v>
      </c>
      <c r="W9" s="33">
        <v>33540</v>
      </c>
      <c r="X9" s="33">
        <v>41</v>
      </c>
      <c r="Y9" s="35">
        <v>1</v>
      </c>
    </row>
    <row r="10" spans="1:25" s="6" customFormat="1" ht="14.1" customHeight="1" x14ac:dyDescent="0.15">
      <c r="A10" s="25">
        <v>4</v>
      </c>
      <c r="B10" s="26" t="s">
        <v>29</v>
      </c>
      <c r="C10" s="27" t="s">
        <v>30</v>
      </c>
      <c r="D10" s="28">
        <v>40016</v>
      </c>
      <c r="E10" s="28">
        <v>41195</v>
      </c>
      <c r="F10" s="31">
        <v>398</v>
      </c>
      <c r="G10" s="31">
        <v>589</v>
      </c>
      <c r="H10" s="31">
        <v>264</v>
      </c>
      <c r="I10" s="34">
        <v>345</v>
      </c>
      <c r="J10" s="33">
        <v>65184</v>
      </c>
      <c r="K10" s="33">
        <v>68043</v>
      </c>
      <c r="L10" s="33">
        <v>64381</v>
      </c>
      <c r="M10" s="33">
        <v>66850</v>
      </c>
      <c r="N10" s="33">
        <v>27666</v>
      </c>
      <c r="O10" s="33">
        <v>28266</v>
      </c>
      <c r="P10" s="31">
        <v>669</v>
      </c>
      <c r="Q10" s="31">
        <v>949</v>
      </c>
      <c r="R10" s="31">
        <v>134</v>
      </c>
      <c r="S10" s="34">
        <v>244</v>
      </c>
      <c r="T10" s="31">
        <v>803</v>
      </c>
      <c r="U10" s="31">
        <v>1193</v>
      </c>
      <c r="V10" s="33">
        <v>20650</v>
      </c>
      <c r="W10" s="33">
        <v>21939</v>
      </c>
      <c r="X10" s="33">
        <v>26</v>
      </c>
      <c r="Y10" s="35">
        <v>1</v>
      </c>
    </row>
    <row r="11" spans="1:25" s="6" customFormat="1" ht="14.1" customHeight="1" x14ac:dyDescent="0.15">
      <c r="A11" s="25">
        <v>5</v>
      </c>
      <c r="B11" s="26" t="s">
        <v>31</v>
      </c>
      <c r="C11" s="27" t="s">
        <v>32</v>
      </c>
      <c r="D11" s="33">
        <v>26682</v>
      </c>
      <c r="E11" s="28">
        <v>27577</v>
      </c>
      <c r="F11" s="31">
        <v>331</v>
      </c>
      <c r="G11" s="31">
        <v>457</v>
      </c>
      <c r="H11" s="31">
        <v>139</v>
      </c>
      <c r="I11" s="34">
        <v>183</v>
      </c>
      <c r="J11" s="33">
        <v>41895</v>
      </c>
      <c r="K11" s="33">
        <v>43685</v>
      </c>
      <c r="L11" s="33">
        <v>41255</v>
      </c>
      <c r="M11" s="33">
        <v>42810</v>
      </c>
      <c r="N11" s="33">
        <v>18277</v>
      </c>
      <c r="O11" s="33">
        <v>18903</v>
      </c>
      <c r="P11" s="31">
        <v>482</v>
      </c>
      <c r="Q11" s="31">
        <v>657</v>
      </c>
      <c r="R11" s="31">
        <v>158</v>
      </c>
      <c r="S11" s="34">
        <v>218</v>
      </c>
      <c r="T11" s="31">
        <v>640</v>
      </c>
      <c r="U11" s="31">
        <v>875</v>
      </c>
      <c r="V11" s="33">
        <v>14625</v>
      </c>
      <c r="W11" s="33">
        <v>15253</v>
      </c>
      <c r="X11" s="33">
        <v>14</v>
      </c>
      <c r="Y11" s="35">
        <v>2</v>
      </c>
    </row>
    <row r="12" spans="1:25" s="6" customFormat="1" ht="14.1" customHeight="1" x14ac:dyDescent="0.15">
      <c r="A12" s="25">
        <v>6</v>
      </c>
      <c r="B12" s="26" t="s">
        <v>33</v>
      </c>
      <c r="C12" s="27" t="s">
        <v>34</v>
      </c>
      <c r="D12" s="33">
        <v>58345</v>
      </c>
      <c r="E12" s="28">
        <v>60039</v>
      </c>
      <c r="F12" s="31">
        <v>792</v>
      </c>
      <c r="G12" s="31">
        <v>1147</v>
      </c>
      <c r="H12" s="31">
        <v>279</v>
      </c>
      <c r="I12" s="34">
        <v>434</v>
      </c>
      <c r="J12" s="33">
        <v>94294</v>
      </c>
      <c r="K12" s="33">
        <v>98194</v>
      </c>
      <c r="L12" s="33">
        <v>92817</v>
      </c>
      <c r="M12" s="33">
        <v>95976</v>
      </c>
      <c r="N12" s="33">
        <v>38374</v>
      </c>
      <c r="O12" s="33">
        <v>39313</v>
      </c>
      <c r="P12" s="31">
        <v>1086</v>
      </c>
      <c r="Q12" s="31">
        <v>1603</v>
      </c>
      <c r="R12" s="31">
        <v>391</v>
      </c>
      <c r="S12" s="34">
        <v>615</v>
      </c>
      <c r="T12" s="31">
        <v>1477</v>
      </c>
      <c r="U12" s="31">
        <v>2218</v>
      </c>
      <c r="V12" s="33">
        <v>30928</v>
      </c>
      <c r="W12" s="33">
        <v>32587</v>
      </c>
      <c r="X12" s="33">
        <v>37</v>
      </c>
      <c r="Y12" s="35">
        <v>2</v>
      </c>
    </row>
    <row r="13" spans="1:25" s="6" customFormat="1" ht="14.1" customHeight="1" x14ac:dyDescent="0.15">
      <c r="A13" s="25">
        <v>7</v>
      </c>
      <c r="B13" s="26" t="s">
        <v>35</v>
      </c>
      <c r="C13" s="27" t="s">
        <v>36</v>
      </c>
      <c r="D13" s="28">
        <v>29251</v>
      </c>
      <c r="E13" s="28">
        <v>30161</v>
      </c>
      <c r="F13" s="31">
        <v>402</v>
      </c>
      <c r="G13" s="31">
        <v>558</v>
      </c>
      <c r="H13" s="31">
        <v>207</v>
      </c>
      <c r="I13" s="34">
        <v>258</v>
      </c>
      <c r="J13" s="33">
        <v>46933</v>
      </c>
      <c r="K13" s="33">
        <v>49018</v>
      </c>
      <c r="L13" s="33">
        <v>46126</v>
      </c>
      <c r="M13" s="33">
        <v>47909</v>
      </c>
      <c r="N13" s="33">
        <v>20404</v>
      </c>
      <c r="O13" s="33">
        <v>20738</v>
      </c>
      <c r="P13" s="31">
        <v>614</v>
      </c>
      <c r="Q13" s="31">
        <v>828</v>
      </c>
      <c r="R13" s="31">
        <v>193</v>
      </c>
      <c r="S13" s="34">
        <v>281</v>
      </c>
      <c r="T13" s="31">
        <v>807</v>
      </c>
      <c r="U13" s="31">
        <v>1109</v>
      </c>
      <c r="V13" s="33">
        <v>15335</v>
      </c>
      <c r="W13" s="33">
        <v>16308</v>
      </c>
      <c r="X13" s="33">
        <v>21</v>
      </c>
      <c r="Y13" s="35">
        <v>2</v>
      </c>
    </row>
    <row r="14" spans="1:25" s="6" customFormat="1" ht="14.1" customHeight="1" x14ac:dyDescent="0.15">
      <c r="A14" s="25">
        <v>8</v>
      </c>
      <c r="B14" s="26" t="s">
        <v>37</v>
      </c>
      <c r="C14" s="27" t="s">
        <v>38</v>
      </c>
      <c r="D14" s="28">
        <v>34164</v>
      </c>
      <c r="E14" s="28">
        <v>35141</v>
      </c>
      <c r="F14" s="31">
        <v>452</v>
      </c>
      <c r="G14" s="31">
        <v>659</v>
      </c>
      <c r="H14" s="31">
        <v>188</v>
      </c>
      <c r="I14" s="34">
        <v>271</v>
      </c>
      <c r="J14" s="33">
        <v>55917</v>
      </c>
      <c r="K14" s="33">
        <v>58213</v>
      </c>
      <c r="L14" s="33">
        <v>55012</v>
      </c>
      <c r="M14" s="33">
        <v>56829</v>
      </c>
      <c r="N14" s="33">
        <v>23784</v>
      </c>
      <c r="O14" s="33">
        <v>24316</v>
      </c>
      <c r="P14" s="31">
        <v>654</v>
      </c>
      <c r="Q14" s="31">
        <v>971</v>
      </c>
      <c r="R14" s="31">
        <v>251</v>
      </c>
      <c r="S14" s="34">
        <v>413</v>
      </c>
      <c r="T14" s="31">
        <v>905</v>
      </c>
      <c r="U14" s="31">
        <v>1384</v>
      </c>
      <c r="V14" s="33">
        <v>18178</v>
      </c>
      <c r="W14" s="33">
        <v>19132</v>
      </c>
      <c r="X14" s="33">
        <v>25</v>
      </c>
      <c r="Y14" s="35">
        <v>1</v>
      </c>
    </row>
    <row r="15" spans="1:25" s="6" customFormat="1" ht="14.1" customHeight="1" x14ac:dyDescent="0.15">
      <c r="A15" s="25">
        <v>9</v>
      </c>
      <c r="B15" s="26" t="s">
        <v>39</v>
      </c>
      <c r="C15" s="27" t="s">
        <v>40</v>
      </c>
      <c r="D15" s="28">
        <v>9382</v>
      </c>
      <c r="E15" s="28">
        <v>9634</v>
      </c>
      <c r="F15" s="31">
        <v>96</v>
      </c>
      <c r="G15" s="31">
        <v>145</v>
      </c>
      <c r="H15" s="31">
        <v>49</v>
      </c>
      <c r="I15" s="34">
        <v>68</v>
      </c>
      <c r="J15" s="33">
        <v>14811</v>
      </c>
      <c r="K15" s="33">
        <v>15385</v>
      </c>
      <c r="L15" s="33">
        <v>14634</v>
      </c>
      <c r="M15" s="33">
        <v>15115</v>
      </c>
      <c r="N15" s="33">
        <v>6462</v>
      </c>
      <c r="O15" s="33">
        <v>6685</v>
      </c>
      <c r="P15" s="31">
        <v>146</v>
      </c>
      <c r="Q15" s="31">
        <v>216</v>
      </c>
      <c r="R15" s="31">
        <v>31</v>
      </c>
      <c r="S15" s="34">
        <v>54</v>
      </c>
      <c r="T15" s="31">
        <v>177</v>
      </c>
      <c r="U15" s="31">
        <v>270</v>
      </c>
      <c r="V15" s="33">
        <v>4967</v>
      </c>
      <c r="W15" s="33">
        <v>5182</v>
      </c>
      <c r="X15" s="33">
        <v>6</v>
      </c>
      <c r="Y15" s="35">
        <v>2</v>
      </c>
    </row>
    <row r="16" spans="1:25" s="6" customFormat="1" ht="14.1" customHeight="1" x14ac:dyDescent="0.15">
      <c r="A16" s="25">
        <v>10</v>
      </c>
      <c r="B16" s="26" t="s">
        <v>41</v>
      </c>
      <c r="C16" s="27" t="s">
        <v>42</v>
      </c>
      <c r="D16" s="28">
        <v>112325</v>
      </c>
      <c r="E16" s="28">
        <v>115995</v>
      </c>
      <c r="F16" s="31">
        <v>1205</v>
      </c>
      <c r="G16" s="31">
        <v>1501</v>
      </c>
      <c r="H16" s="31">
        <v>521</v>
      </c>
      <c r="I16" s="34">
        <v>638</v>
      </c>
      <c r="J16" s="33">
        <v>179427</v>
      </c>
      <c r="K16" s="33">
        <v>187714</v>
      </c>
      <c r="L16" s="33">
        <v>177105</v>
      </c>
      <c r="M16" s="33">
        <v>184753</v>
      </c>
      <c r="N16" s="33">
        <v>72094</v>
      </c>
      <c r="O16" s="33">
        <v>74002</v>
      </c>
      <c r="P16" s="31">
        <v>1741</v>
      </c>
      <c r="Q16" s="31">
        <v>2165</v>
      </c>
      <c r="R16" s="31">
        <v>581</v>
      </c>
      <c r="S16" s="34">
        <v>796</v>
      </c>
      <c r="T16" s="31">
        <v>2322</v>
      </c>
      <c r="U16" s="31">
        <v>2961</v>
      </c>
      <c r="V16" s="33">
        <v>58018</v>
      </c>
      <c r="W16" s="33">
        <v>61544</v>
      </c>
      <c r="X16" s="33">
        <v>58</v>
      </c>
      <c r="Y16" s="35">
        <v>0</v>
      </c>
    </row>
    <row r="17" spans="1:25" s="6" customFormat="1" ht="14.1" customHeight="1" x14ac:dyDescent="0.15">
      <c r="A17" s="25">
        <v>11</v>
      </c>
      <c r="B17" s="26" t="s">
        <v>43</v>
      </c>
      <c r="C17" s="27" t="s">
        <v>44</v>
      </c>
      <c r="D17" s="28">
        <v>8502</v>
      </c>
      <c r="E17" s="28">
        <v>8800</v>
      </c>
      <c r="F17" s="31">
        <v>144</v>
      </c>
      <c r="G17" s="31">
        <v>192</v>
      </c>
      <c r="H17" s="31">
        <v>74</v>
      </c>
      <c r="I17" s="34">
        <v>98</v>
      </c>
      <c r="J17" s="33">
        <v>15026</v>
      </c>
      <c r="K17" s="33">
        <v>15704</v>
      </c>
      <c r="L17" s="33">
        <v>14753</v>
      </c>
      <c r="M17" s="33">
        <v>15328</v>
      </c>
      <c r="N17" s="33">
        <v>6182</v>
      </c>
      <c r="O17" s="33">
        <v>6333</v>
      </c>
      <c r="P17" s="31">
        <v>219</v>
      </c>
      <c r="Q17" s="31">
        <v>292</v>
      </c>
      <c r="R17" s="31">
        <v>54</v>
      </c>
      <c r="S17" s="34">
        <v>84</v>
      </c>
      <c r="T17" s="31">
        <v>273</v>
      </c>
      <c r="U17" s="31">
        <v>376</v>
      </c>
      <c r="V17" s="33">
        <v>5124</v>
      </c>
      <c r="W17" s="33">
        <v>5421</v>
      </c>
      <c r="X17" s="33">
        <v>6</v>
      </c>
      <c r="Y17" s="35">
        <v>3</v>
      </c>
    </row>
    <row r="18" spans="1:25" s="6" customFormat="1" ht="14.1" customHeight="1" x14ac:dyDescent="0.15">
      <c r="A18" s="25">
        <v>12</v>
      </c>
      <c r="B18" s="26" t="s">
        <v>45</v>
      </c>
      <c r="C18" s="27" t="s">
        <v>44</v>
      </c>
      <c r="D18" s="28">
        <v>26112</v>
      </c>
      <c r="E18" s="28">
        <v>26904</v>
      </c>
      <c r="F18" s="31">
        <v>416</v>
      </c>
      <c r="G18" s="31">
        <v>620</v>
      </c>
      <c r="H18" s="31">
        <v>216</v>
      </c>
      <c r="I18" s="34">
        <v>284</v>
      </c>
      <c r="J18" s="33">
        <v>42611</v>
      </c>
      <c r="K18" s="33">
        <v>44549</v>
      </c>
      <c r="L18" s="33">
        <v>41723</v>
      </c>
      <c r="M18" s="33">
        <v>43221</v>
      </c>
      <c r="N18" s="33">
        <v>20070</v>
      </c>
      <c r="O18" s="33">
        <v>20280</v>
      </c>
      <c r="P18" s="31">
        <v>646</v>
      </c>
      <c r="Q18" s="29">
        <v>932</v>
      </c>
      <c r="R18" s="29">
        <v>242</v>
      </c>
      <c r="S18" s="34">
        <v>396</v>
      </c>
      <c r="T18" s="31">
        <v>888</v>
      </c>
      <c r="U18" s="31">
        <v>1328</v>
      </c>
      <c r="V18" s="33">
        <v>12703</v>
      </c>
      <c r="W18" s="33">
        <v>13635</v>
      </c>
      <c r="X18" s="33">
        <v>11</v>
      </c>
      <c r="Y18" s="35">
        <v>1</v>
      </c>
    </row>
    <row r="19" spans="1:25" s="6" customFormat="1" ht="14.1" customHeight="1" x14ac:dyDescent="0.15">
      <c r="A19" s="25">
        <v>13</v>
      </c>
      <c r="B19" s="26" t="s">
        <v>46</v>
      </c>
      <c r="C19" s="27" t="s">
        <v>47</v>
      </c>
      <c r="D19" s="28">
        <v>34873</v>
      </c>
      <c r="E19" s="28">
        <v>35948</v>
      </c>
      <c r="F19" s="31">
        <v>506</v>
      </c>
      <c r="G19" s="31">
        <v>708</v>
      </c>
      <c r="H19" s="31">
        <v>257</v>
      </c>
      <c r="I19" s="34">
        <v>350</v>
      </c>
      <c r="J19" s="33">
        <v>57515</v>
      </c>
      <c r="K19" s="33">
        <v>59999</v>
      </c>
      <c r="L19" s="33">
        <v>56488</v>
      </c>
      <c r="M19" s="33">
        <v>58538</v>
      </c>
      <c r="N19" s="33">
        <v>23365</v>
      </c>
      <c r="O19" s="33">
        <v>23858</v>
      </c>
      <c r="P19" s="31">
        <v>784</v>
      </c>
      <c r="Q19" s="29">
        <v>1087</v>
      </c>
      <c r="R19" s="29">
        <v>243</v>
      </c>
      <c r="S19" s="34">
        <v>374</v>
      </c>
      <c r="T19" s="31">
        <v>1027</v>
      </c>
      <c r="U19" s="31">
        <v>1461</v>
      </c>
      <c r="V19" s="33">
        <v>18218</v>
      </c>
      <c r="W19" s="33">
        <v>19247</v>
      </c>
      <c r="X19" s="33">
        <v>24</v>
      </c>
      <c r="Y19" s="35">
        <v>1</v>
      </c>
    </row>
    <row r="20" spans="1:25" s="6" customFormat="1" ht="14.1" customHeight="1" x14ac:dyDescent="0.15">
      <c r="A20" s="25">
        <v>14</v>
      </c>
      <c r="B20" s="26" t="s">
        <v>48</v>
      </c>
      <c r="C20" s="27" t="s">
        <v>49</v>
      </c>
      <c r="D20" s="28">
        <v>35868</v>
      </c>
      <c r="E20" s="28">
        <v>37045</v>
      </c>
      <c r="F20" s="31">
        <v>353</v>
      </c>
      <c r="G20" s="31">
        <v>487</v>
      </c>
      <c r="H20" s="31">
        <v>194</v>
      </c>
      <c r="I20" s="34">
        <v>274</v>
      </c>
      <c r="J20" s="33">
        <v>57031</v>
      </c>
      <c r="K20" s="33">
        <v>59603</v>
      </c>
      <c r="L20" s="33">
        <v>56358</v>
      </c>
      <c r="M20" s="33">
        <v>58635</v>
      </c>
      <c r="N20" s="33">
        <v>22216</v>
      </c>
      <c r="O20" s="33">
        <v>22834</v>
      </c>
      <c r="P20" s="31">
        <v>553</v>
      </c>
      <c r="Q20" s="31">
        <v>771</v>
      </c>
      <c r="R20" s="31">
        <v>120</v>
      </c>
      <c r="S20" s="34">
        <v>197</v>
      </c>
      <c r="T20" s="31">
        <v>673</v>
      </c>
      <c r="U20" s="31">
        <v>968</v>
      </c>
      <c r="V20" s="33">
        <v>18645</v>
      </c>
      <c r="W20" s="33">
        <v>19748</v>
      </c>
      <c r="X20" s="33">
        <v>17</v>
      </c>
      <c r="Y20" s="35">
        <v>8</v>
      </c>
    </row>
    <row r="21" spans="1:25" s="6" customFormat="1" ht="14.1" customHeight="1" x14ac:dyDescent="0.15">
      <c r="A21" s="25">
        <v>15</v>
      </c>
      <c r="B21" s="26" t="s">
        <v>50</v>
      </c>
      <c r="C21" s="27" t="s">
        <v>51</v>
      </c>
      <c r="D21" s="28">
        <v>14397</v>
      </c>
      <c r="E21" s="28">
        <v>14879</v>
      </c>
      <c r="F21" s="31">
        <v>240</v>
      </c>
      <c r="G21" s="31">
        <v>342</v>
      </c>
      <c r="H21" s="31">
        <v>116</v>
      </c>
      <c r="I21" s="34">
        <v>155</v>
      </c>
      <c r="J21" s="33">
        <v>23501</v>
      </c>
      <c r="K21" s="33">
        <v>24669</v>
      </c>
      <c r="L21" s="33">
        <v>23015</v>
      </c>
      <c r="M21" s="33">
        <v>23967</v>
      </c>
      <c r="N21" s="33">
        <v>10442</v>
      </c>
      <c r="O21" s="33">
        <v>10739</v>
      </c>
      <c r="P21" s="31">
        <v>362</v>
      </c>
      <c r="Q21" s="31">
        <v>508</v>
      </c>
      <c r="R21" s="31">
        <v>124</v>
      </c>
      <c r="S21" s="34">
        <v>194</v>
      </c>
      <c r="T21" s="31">
        <v>486</v>
      </c>
      <c r="U21" s="31">
        <v>702</v>
      </c>
      <c r="V21" s="33">
        <v>7327</v>
      </c>
      <c r="W21" s="33">
        <v>7831</v>
      </c>
      <c r="X21" s="33">
        <v>10</v>
      </c>
      <c r="Y21" s="35">
        <v>3</v>
      </c>
    </row>
    <row r="22" spans="1:25" s="6" customFormat="1" ht="14.1" customHeight="1" x14ac:dyDescent="0.15">
      <c r="A22" s="25">
        <v>16</v>
      </c>
      <c r="B22" s="26" t="s">
        <v>52</v>
      </c>
      <c r="C22" s="27" t="s">
        <v>53</v>
      </c>
      <c r="D22" s="28">
        <v>18927</v>
      </c>
      <c r="E22" s="28">
        <v>19490</v>
      </c>
      <c r="F22" s="31">
        <v>210</v>
      </c>
      <c r="G22" s="31">
        <v>317</v>
      </c>
      <c r="H22" s="31">
        <v>108</v>
      </c>
      <c r="I22" s="34">
        <v>147</v>
      </c>
      <c r="J22" s="33">
        <v>30958</v>
      </c>
      <c r="K22" s="33">
        <v>32233</v>
      </c>
      <c r="L22" s="33">
        <v>30529</v>
      </c>
      <c r="M22" s="33">
        <v>31577</v>
      </c>
      <c r="N22" s="33">
        <v>13486</v>
      </c>
      <c r="O22" s="33">
        <v>13762</v>
      </c>
      <c r="P22" s="31">
        <v>320</v>
      </c>
      <c r="Q22" s="31">
        <v>469</v>
      </c>
      <c r="R22" s="31">
        <v>109</v>
      </c>
      <c r="S22" s="34">
        <v>187</v>
      </c>
      <c r="T22" s="31">
        <v>429</v>
      </c>
      <c r="U22" s="31">
        <v>656</v>
      </c>
      <c r="V22" s="33">
        <v>9685</v>
      </c>
      <c r="W22" s="33">
        <v>10236</v>
      </c>
      <c r="X22" s="33">
        <v>11</v>
      </c>
      <c r="Y22" s="35">
        <v>4</v>
      </c>
    </row>
    <row r="23" spans="1:25" s="6" customFormat="1" ht="14.1" customHeight="1" x14ac:dyDescent="0.15">
      <c r="A23" s="25">
        <v>17</v>
      </c>
      <c r="B23" s="26" t="s">
        <v>54</v>
      </c>
      <c r="C23" s="27" t="s">
        <v>55</v>
      </c>
      <c r="D23" s="28">
        <v>20514</v>
      </c>
      <c r="E23" s="28">
        <v>21115</v>
      </c>
      <c r="F23" s="31">
        <v>258</v>
      </c>
      <c r="G23" s="31">
        <v>396</v>
      </c>
      <c r="H23" s="31">
        <v>153</v>
      </c>
      <c r="I23" s="34">
        <v>211</v>
      </c>
      <c r="J23" s="33">
        <v>32583</v>
      </c>
      <c r="K23" s="33">
        <v>33959</v>
      </c>
      <c r="L23" s="33">
        <v>32049</v>
      </c>
      <c r="M23" s="33">
        <v>33137</v>
      </c>
      <c r="N23" s="33">
        <v>13180</v>
      </c>
      <c r="O23" s="33">
        <v>13476</v>
      </c>
      <c r="P23" s="31">
        <v>415</v>
      </c>
      <c r="Q23" s="31">
        <v>616</v>
      </c>
      <c r="R23" s="31">
        <v>119</v>
      </c>
      <c r="S23" s="34">
        <v>206</v>
      </c>
      <c r="T23" s="31">
        <v>534</v>
      </c>
      <c r="U23" s="31">
        <v>822</v>
      </c>
      <c r="V23" s="33">
        <v>10618</v>
      </c>
      <c r="W23" s="33">
        <v>11234</v>
      </c>
      <c r="X23" s="33">
        <v>17</v>
      </c>
      <c r="Y23" s="35">
        <v>0</v>
      </c>
    </row>
    <row r="24" spans="1:25" s="6" customFormat="1" ht="14.1" customHeight="1" x14ac:dyDescent="0.15">
      <c r="A24" s="25">
        <v>18</v>
      </c>
      <c r="B24" s="26" t="s">
        <v>56</v>
      </c>
      <c r="C24" s="27" t="s">
        <v>40</v>
      </c>
      <c r="D24" s="28">
        <v>6088</v>
      </c>
      <c r="E24" s="28">
        <v>6326</v>
      </c>
      <c r="F24" s="31">
        <v>103</v>
      </c>
      <c r="G24" s="31">
        <v>134</v>
      </c>
      <c r="H24" s="31">
        <v>83</v>
      </c>
      <c r="I24" s="34">
        <v>109</v>
      </c>
      <c r="J24" s="33">
        <v>9823</v>
      </c>
      <c r="K24" s="33">
        <v>10372</v>
      </c>
      <c r="L24" s="33">
        <v>9594</v>
      </c>
      <c r="M24" s="33">
        <v>10068</v>
      </c>
      <c r="N24" s="33">
        <v>4510</v>
      </c>
      <c r="O24" s="33">
        <v>4610</v>
      </c>
      <c r="P24" s="31">
        <v>193</v>
      </c>
      <c r="Q24" s="31">
        <v>253</v>
      </c>
      <c r="R24" s="31">
        <v>36</v>
      </c>
      <c r="S24" s="34">
        <v>51</v>
      </c>
      <c r="T24" s="31">
        <v>229</v>
      </c>
      <c r="U24" s="31">
        <v>304</v>
      </c>
      <c r="V24" s="33">
        <v>3174</v>
      </c>
      <c r="W24" s="33">
        <v>3427</v>
      </c>
      <c r="X24" s="33">
        <v>4</v>
      </c>
      <c r="Y24" s="35">
        <v>3</v>
      </c>
    </row>
    <row r="25" spans="1:25" s="6" customFormat="1" ht="14.1" customHeight="1" thickBot="1" x14ac:dyDescent="0.2">
      <c r="A25" s="36">
        <v>21</v>
      </c>
      <c r="B25" s="37" t="s">
        <v>57</v>
      </c>
      <c r="C25" s="38" t="s">
        <v>55</v>
      </c>
      <c r="D25" s="39">
        <v>13561</v>
      </c>
      <c r="E25" s="40">
        <v>14059</v>
      </c>
      <c r="F25" s="41">
        <v>155</v>
      </c>
      <c r="G25" s="41">
        <v>245</v>
      </c>
      <c r="H25" s="41">
        <v>115</v>
      </c>
      <c r="I25" s="42">
        <v>158</v>
      </c>
      <c r="J25" s="39">
        <v>22943</v>
      </c>
      <c r="K25" s="39">
        <v>24118</v>
      </c>
      <c r="L25" s="39">
        <v>22568</v>
      </c>
      <c r="M25" s="39">
        <v>23554</v>
      </c>
      <c r="N25" s="39">
        <v>9743</v>
      </c>
      <c r="O25" s="39">
        <v>10076</v>
      </c>
      <c r="P25" s="41">
        <v>276</v>
      </c>
      <c r="Q25" s="41">
        <v>413</v>
      </c>
      <c r="R25" s="41">
        <v>99</v>
      </c>
      <c r="S25" s="42">
        <v>151</v>
      </c>
      <c r="T25" s="41">
        <v>375</v>
      </c>
      <c r="U25" s="41">
        <v>564</v>
      </c>
      <c r="V25" s="39">
        <v>6750</v>
      </c>
      <c r="W25" s="39">
        <v>7216</v>
      </c>
      <c r="X25" s="39">
        <v>9</v>
      </c>
      <c r="Y25" s="43">
        <v>2</v>
      </c>
    </row>
    <row r="26" spans="1:25" s="6" customFormat="1" ht="14.1" customHeight="1" thickTop="1" x14ac:dyDescent="0.15">
      <c r="A26" s="25">
        <v>19</v>
      </c>
      <c r="B26" s="26" t="s">
        <v>58</v>
      </c>
      <c r="C26" s="27" t="s">
        <v>32</v>
      </c>
      <c r="D26" s="33">
        <v>5303</v>
      </c>
      <c r="E26" s="28">
        <v>5413</v>
      </c>
      <c r="F26" s="31">
        <v>52</v>
      </c>
      <c r="G26" s="31">
        <v>78</v>
      </c>
      <c r="H26" s="31">
        <v>33</v>
      </c>
      <c r="I26" s="34">
        <v>48</v>
      </c>
      <c r="J26" s="33">
        <v>9000</v>
      </c>
      <c r="K26" s="33">
        <v>9274</v>
      </c>
      <c r="L26" s="33">
        <v>8892</v>
      </c>
      <c r="M26" s="33">
        <v>9105</v>
      </c>
      <c r="N26" s="33">
        <v>3683</v>
      </c>
      <c r="O26" s="33">
        <v>3762</v>
      </c>
      <c r="P26" s="31">
        <v>85</v>
      </c>
      <c r="Q26" s="31">
        <v>128</v>
      </c>
      <c r="R26" s="31">
        <v>23</v>
      </c>
      <c r="S26" s="34">
        <v>41</v>
      </c>
      <c r="T26" s="31">
        <v>108</v>
      </c>
      <c r="U26" s="31">
        <v>169</v>
      </c>
      <c r="V26" s="33">
        <v>3126</v>
      </c>
      <c r="W26" s="33">
        <v>3221</v>
      </c>
      <c r="X26" s="33">
        <v>5</v>
      </c>
      <c r="Y26" s="35">
        <v>0</v>
      </c>
    </row>
    <row r="27" spans="1:25" s="6" customFormat="1" ht="14.1" customHeight="1" x14ac:dyDescent="0.15">
      <c r="A27" s="25">
        <v>20</v>
      </c>
      <c r="B27" s="26" t="s">
        <v>59</v>
      </c>
      <c r="C27" s="27" t="s">
        <v>42</v>
      </c>
      <c r="D27" s="33">
        <v>7142</v>
      </c>
      <c r="E27" s="28">
        <v>7435</v>
      </c>
      <c r="F27" s="31">
        <v>93</v>
      </c>
      <c r="G27" s="31">
        <v>155</v>
      </c>
      <c r="H27" s="31">
        <v>50</v>
      </c>
      <c r="I27" s="34">
        <v>82</v>
      </c>
      <c r="J27" s="33">
        <v>11911</v>
      </c>
      <c r="K27" s="33">
        <v>12563</v>
      </c>
      <c r="L27" s="33">
        <v>11719</v>
      </c>
      <c r="M27" s="33">
        <v>12234</v>
      </c>
      <c r="N27" s="33">
        <v>5351</v>
      </c>
      <c r="O27" s="33">
        <v>5460</v>
      </c>
      <c r="P27" s="31">
        <v>147</v>
      </c>
      <c r="Q27" s="31">
        <v>244</v>
      </c>
      <c r="R27" s="31">
        <v>45</v>
      </c>
      <c r="S27" s="34">
        <v>85</v>
      </c>
      <c r="T27" s="31">
        <v>192</v>
      </c>
      <c r="U27" s="31">
        <v>329</v>
      </c>
      <c r="V27" s="33">
        <v>3509</v>
      </c>
      <c r="W27" s="33">
        <v>3844</v>
      </c>
      <c r="X27" s="33">
        <v>6</v>
      </c>
      <c r="Y27" s="35">
        <v>3</v>
      </c>
    </row>
    <row r="28" spans="1:25" s="6" customFormat="1" ht="14.1" customHeight="1" x14ac:dyDescent="0.15">
      <c r="A28" s="25">
        <v>22</v>
      </c>
      <c r="B28" s="26" t="s">
        <v>60</v>
      </c>
      <c r="C28" s="27" t="s">
        <v>51</v>
      </c>
      <c r="D28" s="33">
        <v>5408</v>
      </c>
      <c r="E28" s="28">
        <v>5503</v>
      </c>
      <c r="F28" s="31">
        <v>75</v>
      </c>
      <c r="G28" s="31">
        <v>95</v>
      </c>
      <c r="H28" s="31">
        <v>40</v>
      </c>
      <c r="I28" s="34">
        <v>53</v>
      </c>
      <c r="J28" s="33">
        <v>8859</v>
      </c>
      <c r="K28" s="33">
        <v>9161</v>
      </c>
      <c r="L28" s="33">
        <v>8710</v>
      </c>
      <c r="M28" s="33">
        <v>8951</v>
      </c>
      <c r="N28" s="33">
        <v>4216</v>
      </c>
      <c r="O28" s="33">
        <v>4277</v>
      </c>
      <c r="P28" s="31">
        <v>115</v>
      </c>
      <c r="Q28" s="31">
        <v>159</v>
      </c>
      <c r="R28" s="31">
        <v>34</v>
      </c>
      <c r="S28" s="34">
        <v>51</v>
      </c>
      <c r="T28" s="31">
        <v>149</v>
      </c>
      <c r="U28" s="31">
        <v>210</v>
      </c>
      <c r="V28" s="33">
        <v>2818</v>
      </c>
      <c r="W28" s="33">
        <v>2947</v>
      </c>
      <c r="X28" s="33">
        <v>7</v>
      </c>
      <c r="Y28" s="35">
        <v>3</v>
      </c>
    </row>
    <row r="29" spans="1:25" s="6" customFormat="1" ht="14.1" customHeight="1" x14ac:dyDescent="0.15">
      <c r="A29" s="25">
        <v>23</v>
      </c>
      <c r="B29" s="26" t="s">
        <v>61</v>
      </c>
      <c r="C29" s="27" t="s">
        <v>62</v>
      </c>
      <c r="D29" s="33">
        <v>4561</v>
      </c>
      <c r="E29" s="28">
        <v>4678</v>
      </c>
      <c r="F29" s="31">
        <v>76</v>
      </c>
      <c r="G29" s="31">
        <v>114</v>
      </c>
      <c r="H29" s="31">
        <v>43</v>
      </c>
      <c r="I29" s="34">
        <v>52</v>
      </c>
      <c r="J29" s="33">
        <v>7390</v>
      </c>
      <c r="K29" s="33">
        <v>7649</v>
      </c>
      <c r="L29" s="33">
        <v>7230</v>
      </c>
      <c r="M29" s="33">
        <v>7416</v>
      </c>
      <c r="N29" s="33">
        <v>3601</v>
      </c>
      <c r="O29" s="33">
        <v>3665</v>
      </c>
      <c r="P29" s="31">
        <v>120</v>
      </c>
      <c r="Q29" s="31">
        <v>168</v>
      </c>
      <c r="R29" s="31">
        <v>40</v>
      </c>
      <c r="S29" s="34">
        <v>65</v>
      </c>
      <c r="T29" s="31">
        <v>160</v>
      </c>
      <c r="U29" s="31">
        <v>233</v>
      </c>
      <c r="V29" s="33">
        <v>2284</v>
      </c>
      <c r="W29" s="33">
        <v>2413</v>
      </c>
      <c r="X29" s="33">
        <v>4</v>
      </c>
      <c r="Y29" s="35">
        <v>2</v>
      </c>
    </row>
    <row r="30" spans="1:25" s="6" customFormat="1" ht="14.1" customHeight="1" x14ac:dyDescent="0.15">
      <c r="A30" s="25">
        <v>24</v>
      </c>
      <c r="B30" s="26" t="s">
        <v>63</v>
      </c>
      <c r="C30" s="27" t="s">
        <v>64</v>
      </c>
      <c r="D30" s="33">
        <v>1623</v>
      </c>
      <c r="E30" s="28">
        <v>1652</v>
      </c>
      <c r="F30" s="31">
        <v>32</v>
      </c>
      <c r="G30" s="31">
        <v>49</v>
      </c>
      <c r="H30" s="31">
        <v>17</v>
      </c>
      <c r="I30" s="34">
        <v>30</v>
      </c>
      <c r="J30" s="33">
        <v>2831</v>
      </c>
      <c r="K30" s="33">
        <v>2897</v>
      </c>
      <c r="L30" s="33">
        <v>2766</v>
      </c>
      <c r="M30" s="33">
        <v>2788</v>
      </c>
      <c r="N30" s="33">
        <v>1390</v>
      </c>
      <c r="O30" s="33">
        <v>1381</v>
      </c>
      <c r="P30" s="31">
        <v>49</v>
      </c>
      <c r="Q30" s="31">
        <v>80</v>
      </c>
      <c r="R30" s="31">
        <v>16</v>
      </c>
      <c r="S30" s="34">
        <v>29</v>
      </c>
      <c r="T30" s="31">
        <v>65</v>
      </c>
      <c r="U30" s="31">
        <v>109</v>
      </c>
      <c r="V30" s="33">
        <v>857</v>
      </c>
      <c r="W30" s="33">
        <v>904</v>
      </c>
      <c r="X30" s="33">
        <v>0</v>
      </c>
      <c r="Y30" s="35">
        <v>1</v>
      </c>
    </row>
    <row r="31" spans="1:25" s="6" customFormat="1" ht="14.1" customHeight="1" x14ac:dyDescent="0.15">
      <c r="A31" s="25">
        <v>25</v>
      </c>
      <c r="B31" s="26" t="s">
        <v>65</v>
      </c>
      <c r="C31" s="27" t="s">
        <v>66</v>
      </c>
      <c r="D31" s="33">
        <v>2499</v>
      </c>
      <c r="E31" s="28">
        <v>2585</v>
      </c>
      <c r="F31" s="31">
        <v>42</v>
      </c>
      <c r="G31" s="31">
        <v>56</v>
      </c>
      <c r="H31" s="31">
        <v>23</v>
      </c>
      <c r="I31" s="34">
        <v>31</v>
      </c>
      <c r="J31" s="33">
        <v>4264</v>
      </c>
      <c r="K31" s="33">
        <v>4460</v>
      </c>
      <c r="L31" s="33">
        <v>4179</v>
      </c>
      <c r="M31" s="33">
        <v>4341</v>
      </c>
      <c r="N31" s="33">
        <v>1873</v>
      </c>
      <c r="O31" s="33">
        <v>1901</v>
      </c>
      <c r="P31" s="31">
        <v>66</v>
      </c>
      <c r="Q31" s="31">
        <v>88</v>
      </c>
      <c r="R31" s="31">
        <v>19</v>
      </c>
      <c r="S31" s="34">
        <v>31</v>
      </c>
      <c r="T31" s="31">
        <v>85</v>
      </c>
      <c r="U31" s="31">
        <v>119</v>
      </c>
      <c r="V31" s="33">
        <v>1335</v>
      </c>
      <c r="W31" s="33">
        <v>1427</v>
      </c>
      <c r="X31" s="33">
        <v>2</v>
      </c>
      <c r="Y31" s="35">
        <v>1</v>
      </c>
    </row>
    <row r="32" spans="1:25" s="6" customFormat="1" ht="14.1" customHeight="1" x14ac:dyDescent="0.15">
      <c r="A32" s="25">
        <v>26</v>
      </c>
      <c r="B32" s="26" t="s">
        <v>67</v>
      </c>
      <c r="C32" s="27" t="s">
        <v>66</v>
      </c>
      <c r="D32" s="33">
        <v>1795</v>
      </c>
      <c r="E32" s="28">
        <v>1846</v>
      </c>
      <c r="F32" s="31">
        <v>36</v>
      </c>
      <c r="G32" s="31">
        <v>53</v>
      </c>
      <c r="H32" s="31">
        <v>27</v>
      </c>
      <c r="I32" s="34">
        <v>33</v>
      </c>
      <c r="J32" s="33">
        <v>2874</v>
      </c>
      <c r="K32" s="33">
        <v>2994</v>
      </c>
      <c r="L32" s="33">
        <v>2793</v>
      </c>
      <c r="M32" s="33">
        <v>2877</v>
      </c>
      <c r="N32" s="33">
        <v>1363</v>
      </c>
      <c r="O32" s="33">
        <v>1384</v>
      </c>
      <c r="P32" s="31">
        <v>65</v>
      </c>
      <c r="Q32" s="31">
        <v>90</v>
      </c>
      <c r="R32" s="31">
        <v>16</v>
      </c>
      <c r="S32" s="34">
        <v>27</v>
      </c>
      <c r="T32" s="31">
        <v>81</v>
      </c>
      <c r="U32" s="31">
        <v>117</v>
      </c>
      <c r="V32" s="33">
        <v>945</v>
      </c>
      <c r="W32" s="33">
        <v>1017</v>
      </c>
      <c r="X32" s="33">
        <v>2</v>
      </c>
      <c r="Y32" s="35">
        <v>1</v>
      </c>
    </row>
    <row r="33" spans="1:25" s="6" customFormat="1" ht="14.1" customHeight="1" x14ac:dyDescent="0.15">
      <c r="A33" s="25">
        <v>27</v>
      </c>
      <c r="B33" s="26" t="s">
        <v>68</v>
      </c>
      <c r="C33" s="27" t="s">
        <v>47</v>
      </c>
      <c r="D33" s="33">
        <v>1817</v>
      </c>
      <c r="E33" s="33">
        <v>1878</v>
      </c>
      <c r="F33" s="31">
        <v>46</v>
      </c>
      <c r="G33" s="31">
        <v>67</v>
      </c>
      <c r="H33" s="31">
        <v>29</v>
      </c>
      <c r="I33" s="34">
        <v>42</v>
      </c>
      <c r="J33" s="33">
        <v>2973</v>
      </c>
      <c r="K33" s="33">
        <v>3109</v>
      </c>
      <c r="L33" s="33">
        <v>2884</v>
      </c>
      <c r="M33" s="33">
        <v>2976</v>
      </c>
      <c r="N33" s="33">
        <v>1488</v>
      </c>
      <c r="O33" s="33">
        <v>1439</v>
      </c>
      <c r="P33" s="31">
        <v>76</v>
      </c>
      <c r="Q33" s="31">
        <v>110</v>
      </c>
      <c r="R33" s="31">
        <v>13</v>
      </c>
      <c r="S33" s="34">
        <v>23</v>
      </c>
      <c r="T33" s="31">
        <v>89</v>
      </c>
      <c r="U33" s="31">
        <v>133</v>
      </c>
      <c r="V33" s="33">
        <v>969</v>
      </c>
      <c r="W33" s="33">
        <v>1040</v>
      </c>
      <c r="X33" s="33">
        <v>1</v>
      </c>
      <c r="Y33" s="35">
        <v>2</v>
      </c>
    </row>
    <row r="34" spans="1:25" s="6" customFormat="1" ht="14.1" customHeight="1" x14ac:dyDescent="0.15">
      <c r="A34" s="25">
        <v>28</v>
      </c>
      <c r="B34" s="26" t="s">
        <v>69</v>
      </c>
      <c r="C34" s="27" t="s">
        <v>47</v>
      </c>
      <c r="D34" s="33">
        <v>2165</v>
      </c>
      <c r="E34" s="28">
        <v>2215</v>
      </c>
      <c r="F34" s="31">
        <v>56</v>
      </c>
      <c r="G34" s="31">
        <v>71</v>
      </c>
      <c r="H34" s="31">
        <v>27</v>
      </c>
      <c r="I34" s="34">
        <v>36</v>
      </c>
      <c r="J34" s="33">
        <v>3570</v>
      </c>
      <c r="K34" s="33">
        <v>3725</v>
      </c>
      <c r="L34" s="33">
        <v>3464</v>
      </c>
      <c r="M34" s="33">
        <v>3585</v>
      </c>
      <c r="N34" s="33">
        <v>1622</v>
      </c>
      <c r="O34" s="33">
        <v>1636</v>
      </c>
      <c r="P34" s="31">
        <v>84</v>
      </c>
      <c r="Q34" s="31">
        <v>110</v>
      </c>
      <c r="R34" s="31">
        <v>22</v>
      </c>
      <c r="S34" s="34">
        <v>30</v>
      </c>
      <c r="T34" s="31">
        <v>106</v>
      </c>
      <c r="U34" s="31">
        <v>140</v>
      </c>
      <c r="V34" s="33">
        <v>1132</v>
      </c>
      <c r="W34" s="33">
        <v>1200</v>
      </c>
      <c r="X34" s="33">
        <v>1</v>
      </c>
      <c r="Y34" s="35">
        <v>2</v>
      </c>
    </row>
    <row r="35" spans="1:25" s="6" customFormat="1" ht="14.1" customHeight="1" x14ac:dyDescent="0.15">
      <c r="A35" s="25">
        <v>29</v>
      </c>
      <c r="B35" s="26" t="s">
        <v>70</v>
      </c>
      <c r="C35" s="27" t="s">
        <v>71</v>
      </c>
      <c r="D35" s="33">
        <v>2341</v>
      </c>
      <c r="E35" s="28">
        <v>2377</v>
      </c>
      <c r="F35" s="31">
        <v>27</v>
      </c>
      <c r="G35" s="31">
        <v>40</v>
      </c>
      <c r="H35" s="31">
        <v>9</v>
      </c>
      <c r="I35" s="34">
        <v>14</v>
      </c>
      <c r="J35" s="33">
        <v>3444</v>
      </c>
      <c r="K35" s="33">
        <v>3566</v>
      </c>
      <c r="L35" s="33">
        <v>3404</v>
      </c>
      <c r="M35" s="33">
        <v>3505</v>
      </c>
      <c r="N35" s="33">
        <v>1521</v>
      </c>
      <c r="O35" s="33">
        <v>1578</v>
      </c>
      <c r="P35" s="31">
        <v>36</v>
      </c>
      <c r="Q35" s="31">
        <v>53</v>
      </c>
      <c r="R35" s="31">
        <v>4</v>
      </c>
      <c r="S35" s="34">
        <v>8</v>
      </c>
      <c r="T35" s="31">
        <v>40</v>
      </c>
      <c r="U35" s="31">
        <v>61</v>
      </c>
      <c r="V35" s="33">
        <v>1128</v>
      </c>
      <c r="W35" s="33">
        <v>1176</v>
      </c>
      <c r="X35" s="33">
        <v>8</v>
      </c>
      <c r="Y35" s="35">
        <v>2</v>
      </c>
    </row>
    <row r="36" spans="1:25" s="6" customFormat="1" ht="14.1" customHeight="1" x14ac:dyDescent="0.15">
      <c r="A36" s="25">
        <v>30</v>
      </c>
      <c r="B36" s="26" t="s">
        <v>72</v>
      </c>
      <c r="C36" s="27" t="s">
        <v>71</v>
      </c>
      <c r="D36" s="33">
        <v>1558</v>
      </c>
      <c r="E36" s="28">
        <v>1575</v>
      </c>
      <c r="F36" s="31">
        <v>20</v>
      </c>
      <c r="G36" s="31">
        <v>25</v>
      </c>
      <c r="H36" s="31">
        <v>7</v>
      </c>
      <c r="I36" s="34">
        <v>8</v>
      </c>
      <c r="J36" s="33">
        <v>2535</v>
      </c>
      <c r="K36" s="33">
        <v>2581</v>
      </c>
      <c r="L36" s="33">
        <v>2501</v>
      </c>
      <c r="M36" s="33">
        <v>2541</v>
      </c>
      <c r="N36" s="33">
        <v>1135</v>
      </c>
      <c r="O36" s="33">
        <v>1154</v>
      </c>
      <c r="P36" s="31">
        <v>28</v>
      </c>
      <c r="Q36" s="31">
        <v>34</v>
      </c>
      <c r="R36" s="31">
        <v>6</v>
      </c>
      <c r="S36" s="34">
        <v>6</v>
      </c>
      <c r="T36" s="31">
        <v>34</v>
      </c>
      <c r="U36" s="31">
        <v>40</v>
      </c>
      <c r="V36" s="33">
        <v>852</v>
      </c>
      <c r="W36" s="33">
        <v>875</v>
      </c>
      <c r="X36" s="33">
        <v>3</v>
      </c>
      <c r="Y36" s="35">
        <v>0</v>
      </c>
    </row>
    <row r="37" spans="1:25" s="6" customFormat="1" ht="14.1" customHeight="1" x14ac:dyDescent="0.15">
      <c r="A37" s="25">
        <v>31</v>
      </c>
      <c r="B37" s="26" t="s">
        <v>73</v>
      </c>
      <c r="C37" s="27" t="s">
        <v>74</v>
      </c>
      <c r="D37" s="33">
        <v>5005</v>
      </c>
      <c r="E37" s="28">
        <v>5158</v>
      </c>
      <c r="F37" s="31">
        <v>42</v>
      </c>
      <c r="G37" s="31">
        <v>58</v>
      </c>
      <c r="H37" s="31">
        <v>9</v>
      </c>
      <c r="I37" s="34">
        <v>16</v>
      </c>
      <c r="J37" s="33">
        <v>7958</v>
      </c>
      <c r="K37" s="33">
        <v>8315</v>
      </c>
      <c r="L37" s="33">
        <v>7897</v>
      </c>
      <c r="M37" s="33">
        <v>8220</v>
      </c>
      <c r="N37" s="33">
        <v>3639</v>
      </c>
      <c r="O37" s="33">
        <v>3701</v>
      </c>
      <c r="P37" s="31">
        <v>51</v>
      </c>
      <c r="Q37" s="31">
        <v>74</v>
      </c>
      <c r="R37" s="31">
        <v>10</v>
      </c>
      <c r="S37" s="34">
        <v>21</v>
      </c>
      <c r="T37" s="31">
        <v>61</v>
      </c>
      <c r="U37" s="31">
        <v>95</v>
      </c>
      <c r="V37" s="33">
        <v>2639</v>
      </c>
      <c r="W37" s="33">
        <v>2799</v>
      </c>
      <c r="X37" s="33">
        <v>1</v>
      </c>
      <c r="Y37" s="35">
        <v>3</v>
      </c>
    </row>
    <row r="38" spans="1:25" s="6" customFormat="1" ht="14.1" customHeight="1" x14ac:dyDescent="0.15">
      <c r="A38" s="25">
        <v>32</v>
      </c>
      <c r="B38" s="26" t="s">
        <v>75</v>
      </c>
      <c r="C38" s="27" t="s">
        <v>76</v>
      </c>
      <c r="D38" s="33">
        <v>7214</v>
      </c>
      <c r="E38" s="28">
        <v>7422</v>
      </c>
      <c r="F38" s="31">
        <v>117</v>
      </c>
      <c r="G38" s="31">
        <v>172</v>
      </c>
      <c r="H38" s="31">
        <v>80</v>
      </c>
      <c r="I38" s="34">
        <v>116</v>
      </c>
      <c r="J38" s="33">
        <v>12371</v>
      </c>
      <c r="K38" s="33">
        <v>12940</v>
      </c>
      <c r="L38" s="33">
        <v>12118</v>
      </c>
      <c r="M38" s="33">
        <v>12547</v>
      </c>
      <c r="N38" s="33">
        <v>5067</v>
      </c>
      <c r="O38" s="33">
        <v>5170</v>
      </c>
      <c r="P38" s="31">
        <v>199</v>
      </c>
      <c r="Q38" s="31">
        <v>295</v>
      </c>
      <c r="R38" s="31">
        <v>54</v>
      </c>
      <c r="S38" s="34">
        <v>98</v>
      </c>
      <c r="T38" s="31">
        <v>253</v>
      </c>
      <c r="U38" s="31">
        <v>393</v>
      </c>
      <c r="V38" s="33">
        <v>3977</v>
      </c>
      <c r="W38" s="33">
        <v>4241</v>
      </c>
      <c r="X38" s="31">
        <v>7</v>
      </c>
      <c r="Y38" s="35">
        <v>0</v>
      </c>
    </row>
    <row r="39" spans="1:25" s="6" customFormat="1" ht="14.1" customHeight="1" thickBot="1" x14ac:dyDescent="0.2">
      <c r="A39" s="36">
        <v>33</v>
      </c>
      <c r="B39" s="37" t="s">
        <v>77</v>
      </c>
      <c r="C39" s="38" t="s">
        <v>78</v>
      </c>
      <c r="D39" s="39">
        <v>540</v>
      </c>
      <c r="E39" s="40">
        <v>556</v>
      </c>
      <c r="F39" s="41">
        <v>3</v>
      </c>
      <c r="G39" s="41">
        <v>7</v>
      </c>
      <c r="H39" s="41">
        <v>1</v>
      </c>
      <c r="I39" s="42">
        <v>2</v>
      </c>
      <c r="J39" s="39">
        <v>912</v>
      </c>
      <c r="K39" s="39">
        <v>954</v>
      </c>
      <c r="L39" s="39">
        <v>907</v>
      </c>
      <c r="M39" s="39">
        <v>942</v>
      </c>
      <c r="N39" s="39">
        <v>424</v>
      </c>
      <c r="O39" s="39">
        <v>437</v>
      </c>
      <c r="P39" s="41">
        <v>4</v>
      </c>
      <c r="Q39" s="41">
        <v>8</v>
      </c>
      <c r="R39" s="41">
        <v>1</v>
      </c>
      <c r="S39" s="42">
        <v>4</v>
      </c>
      <c r="T39" s="41">
        <v>5</v>
      </c>
      <c r="U39" s="41">
        <v>12</v>
      </c>
      <c r="V39" s="39">
        <v>317</v>
      </c>
      <c r="W39" s="39">
        <v>326</v>
      </c>
      <c r="X39" s="41">
        <v>0</v>
      </c>
      <c r="Y39" s="43">
        <v>1</v>
      </c>
    </row>
    <row r="40" spans="1:25" s="6" customFormat="1" ht="14.1" customHeight="1" thickTop="1" thickBot="1" x14ac:dyDescent="0.2">
      <c r="A40" s="74" t="s">
        <v>79</v>
      </c>
      <c r="B40" s="75"/>
      <c r="C40" s="38" t="s">
        <v>80</v>
      </c>
      <c r="D40" s="39">
        <v>1303471</v>
      </c>
      <c r="E40" s="39">
        <v>1343152</v>
      </c>
      <c r="F40" s="39">
        <v>13110</v>
      </c>
      <c r="G40" s="39">
        <v>18507</v>
      </c>
      <c r="H40" s="39">
        <v>6274</v>
      </c>
      <c r="I40" s="44">
        <v>8592</v>
      </c>
      <c r="J40" s="39">
        <v>2051732</v>
      </c>
      <c r="K40" s="39">
        <v>2138785</v>
      </c>
      <c r="L40" s="39">
        <v>2026641</v>
      </c>
      <c r="M40" s="39">
        <v>2102741</v>
      </c>
      <c r="N40" s="39">
        <v>834300</v>
      </c>
      <c r="O40" s="39">
        <v>854153</v>
      </c>
      <c r="P40" s="41">
        <v>19619</v>
      </c>
      <c r="Q40" s="41">
        <v>27501</v>
      </c>
      <c r="R40" s="41">
        <v>5472</v>
      </c>
      <c r="S40" s="42">
        <v>8543</v>
      </c>
      <c r="T40" s="41">
        <v>25091</v>
      </c>
      <c r="U40" s="41">
        <v>36044</v>
      </c>
      <c r="V40" s="39">
        <v>670010</v>
      </c>
      <c r="W40" s="39">
        <v>707693</v>
      </c>
      <c r="X40" s="39">
        <v>573</v>
      </c>
      <c r="Y40" s="43">
        <v>511</v>
      </c>
    </row>
    <row r="41" spans="1:25" s="6" customFormat="1" ht="14.1" customHeight="1" thickTop="1" x14ac:dyDescent="0.15">
      <c r="A41" s="25">
        <v>301</v>
      </c>
      <c r="B41" s="45" t="s">
        <v>81</v>
      </c>
      <c r="C41" s="27" t="s">
        <v>26</v>
      </c>
      <c r="D41" s="33">
        <v>7740</v>
      </c>
      <c r="E41" s="33">
        <v>7841</v>
      </c>
      <c r="F41" s="46">
        <v>0</v>
      </c>
      <c r="G41" s="46">
        <v>0</v>
      </c>
      <c r="H41" s="46">
        <v>0</v>
      </c>
      <c r="I41" s="46">
        <v>0</v>
      </c>
      <c r="J41" s="33">
        <v>13650</v>
      </c>
      <c r="K41" s="33">
        <v>13698</v>
      </c>
      <c r="L41" s="33">
        <v>13650</v>
      </c>
      <c r="M41" s="33">
        <v>13698</v>
      </c>
      <c r="N41" s="33">
        <v>1500</v>
      </c>
      <c r="O41" s="33">
        <v>1465</v>
      </c>
      <c r="P41" s="47">
        <v>0</v>
      </c>
      <c r="Q41" s="47">
        <v>0</v>
      </c>
      <c r="R41" s="47">
        <v>0</v>
      </c>
      <c r="S41" s="47">
        <v>0</v>
      </c>
      <c r="T41" s="47">
        <v>0</v>
      </c>
      <c r="U41" s="47">
        <v>0</v>
      </c>
      <c r="V41" s="33">
        <v>7168</v>
      </c>
      <c r="W41" s="33">
        <v>7186</v>
      </c>
      <c r="X41" s="33">
        <v>8</v>
      </c>
      <c r="Y41" s="35">
        <v>0</v>
      </c>
    </row>
    <row r="42" spans="1:25" s="6" customFormat="1" ht="14.1" customHeight="1" x14ac:dyDescent="0.15">
      <c r="A42" s="25">
        <v>302</v>
      </c>
      <c r="B42" s="48" t="s">
        <v>82</v>
      </c>
      <c r="C42" s="27" t="s">
        <v>26</v>
      </c>
      <c r="D42" s="33">
        <v>10223</v>
      </c>
      <c r="E42" s="33">
        <v>10380</v>
      </c>
      <c r="F42" s="49">
        <v>0</v>
      </c>
      <c r="G42" s="49">
        <v>0</v>
      </c>
      <c r="H42" s="49">
        <v>0</v>
      </c>
      <c r="I42" s="49">
        <v>0</v>
      </c>
      <c r="J42" s="33">
        <v>16526</v>
      </c>
      <c r="K42" s="33">
        <v>16731</v>
      </c>
      <c r="L42" s="33">
        <v>16526</v>
      </c>
      <c r="M42" s="33">
        <v>16731</v>
      </c>
      <c r="N42" s="33">
        <v>1273</v>
      </c>
      <c r="O42" s="33">
        <v>1246</v>
      </c>
      <c r="P42" s="50">
        <v>0</v>
      </c>
      <c r="Q42" s="50">
        <v>0</v>
      </c>
      <c r="R42" s="50">
        <v>0</v>
      </c>
      <c r="S42" s="50">
        <v>0</v>
      </c>
      <c r="T42" s="50">
        <v>0</v>
      </c>
      <c r="U42" s="50">
        <v>0</v>
      </c>
      <c r="V42" s="33">
        <v>6711</v>
      </c>
      <c r="W42" s="33">
        <v>6734</v>
      </c>
      <c r="X42" s="33">
        <v>8</v>
      </c>
      <c r="Y42" s="35">
        <v>0</v>
      </c>
    </row>
    <row r="43" spans="1:25" s="6" customFormat="1" ht="14.1" customHeight="1" x14ac:dyDescent="0.15">
      <c r="A43" s="25">
        <v>303</v>
      </c>
      <c r="B43" s="48" t="s">
        <v>83</v>
      </c>
      <c r="C43" s="27" t="s">
        <v>84</v>
      </c>
      <c r="D43" s="33">
        <v>10063</v>
      </c>
      <c r="E43" s="33">
        <v>10377</v>
      </c>
      <c r="F43" s="51">
        <v>0</v>
      </c>
      <c r="G43" s="51">
        <v>0</v>
      </c>
      <c r="H43" s="51">
        <v>0</v>
      </c>
      <c r="I43" s="51">
        <v>0</v>
      </c>
      <c r="J43" s="33">
        <v>18225</v>
      </c>
      <c r="K43" s="33">
        <v>18861</v>
      </c>
      <c r="L43" s="33">
        <v>18225</v>
      </c>
      <c r="M43" s="33">
        <v>18861</v>
      </c>
      <c r="N43" s="33">
        <v>3573</v>
      </c>
      <c r="O43" s="33">
        <v>3798</v>
      </c>
      <c r="P43" s="52">
        <v>0</v>
      </c>
      <c r="Q43" s="52">
        <v>0</v>
      </c>
      <c r="R43" s="52">
        <v>0</v>
      </c>
      <c r="S43" s="52">
        <v>0</v>
      </c>
      <c r="T43" s="52">
        <v>0</v>
      </c>
      <c r="U43" s="52">
        <v>0</v>
      </c>
      <c r="V43" s="33">
        <v>8046</v>
      </c>
      <c r="W43" s="33">
        <v>8246</v>
      </c>
      <c r="X43" s="33">
        <v>11</v>
      </c>
      <c r="Y43" s="35">
        <v>0</v>
      </c>
    </row>
    <row r="44" spans="1:25" s="6" customFormat="1" ht="14.1" customHeight="1" x14ac:dyDescent="0.15">
      <c r="A44" s="25">
        <v>304</v>
      </c>
      <c r="B44" s="48" t="s">
        <v>85</v>
      </c>
      <c r="C44" s="27" t="s">
        <v>86</v>
      </c>
      <c r="D44" s="33">
        <v>2855</v>
      </c>
      <c r="E44" s="33">
        <v>2909</v>
      </c>
      <c r="F44" s="53">
        <v>0</v>
      </c>
      <c r="G44" s="53">
        <v>0</v>
      </c>
      <c r="H44" s="53">
        <v>0</v>
      </c>
      <c r="I44" s="53">
        <v>0</v>
      </c>
      <c r="J44" s="33">
        <v>4225</v>
      </c>
      <c r="K44" s="33">
        <v>4301</v>
      </c>
      <c r="L44" s="33">
        <v>4225</v>
      </c>
      <c r="M44" s="33">
        <v>4301</v>
      </c>
      <c r="N44" s="33">
        <v>423</v>
      </c>
      <c r="O44" s="33">
        <v>434</v>
      </c>
      <c r="P44" s="34">
        <v>0</v>
      </c>
      <c r="Q44" s="34">
        <v>0</v>
      </c>
      <c r="R44" s="34">
        <v>0</v>
      </c>
      <c r="S44" s="34">
        <v>0</v>
      </c>
      <c r="T44" s="34">
        <v>0</v>
      </c>
      <c r="U44" s="34">
        <v>0</v>
      </c>
      <c r="V44" s="33">
        <v>2040</v>
      </c>
      <c r="W44" s="33">
        <v>2041</v>
      </c>
      <c r="X44" s="33">
        <v>5</v>
      </c>
      <c r="Y44" s="35">
        <v>0</v>
      </c>
    </row>
    <row r="45" spans="1:25" s="6" customFormat="1" ht="14.1" customHeight="1" x14ac:dyDescent="0.15">
      <c r="A45" s="25">
        <v>305</v>
      </c>
      <c r="B45" s="48" t="s">
        <v>87</v>
      </c>
      <c r="C45" s="27" t="s">
        <v>88</v>
      </c>
      <c r="D45" s="33">
        <v>3997</v>
      </c>
      <c r="E45" s="33">
        <v>4056</v>
      </c>
      <c r="F45" s="53">
        <v>0</v>
      </c>
      <c r="G45" s="53">
        <v>0</v>
      </c>
      <c r="H45" s="53">
        <v>0</v>
      </c>
      <c r="I45" s="53">
        <v>0</v>
      </c>
      <c r="J45" s="33">
        <v>8702</v>
      </c>
      <c r="K45" s="33">
        <v>8904</v>
      </c>
      <c r="L45" s="33">
        <v>8702</v>
      </c>
      <c r="M45" s="33">
        <v>8904</v>
      </c>
      <c r="N45" s="33">
        <v>1142</v>
      </c>
      <c r="O45" s="33">
        <v>1174</v>
      </c>
      <c r="P45" s="34">
        <v>0</v>
      </c>
      <c r="Q45" s="34">
        <v>0</v>
      </c>
      <c r="R45" s="34">
        <v>0</v>
      </c>
      <c r="S45" s="34">
        <v>0</v>
      </c>
      <c r="T45" s="34">
        <v>0</v>
      </c>
      <c r="U45" s="34">
        <v>0</v>
      </c>
      <c r="V45" s="33">
        <v>3647</v>
      </c>
      <c r="W45" s="33">
        <v>3707</v>
      </c>
      <c r="X45" s="33">
        <v>12</v>
      </c>
      <c r="Y45" s="35">
        <v>0</v>
      </c>
    </row>
    <row r="46" spans="1:25" s="6" customFormat="1" ht="14.1" customHeight="1" thickBot="1" x14ac:dyDescent="0.2">
      <c r="A46" s="36">
        <v>306</v>
      </c>
      <c r="B46" s="54" t="s">
        <v>89</v>
      </c>
      <c r="C46" s="38" t="s">
        <v>90</v>
      </c>
      <c r="D46" s="39">
        <v>37176</v>
      </c>
      <c r="E46" s="39">
        <v>37137</v>
      </c>
      <c r="F46" s="55">
        <v>0</v>
      </c>
      <c r="G46" s="55">
        <v>0</v>
      </c>
      <c r="H46" s="55">
        <v>0</v>
      </c>
      <c r="I46" s="55">
        <v>0</v>
      </c>
      <c r="J46" s="39">
        <v>81184</v>
      </c>
      <c r="K46" s="39">
        <v>81684</v>
      </c>
      <c r="L46" s="39">
        <v>81184</v>
      </c>
      <c r="M46" s="39">
        <v>81684</v>
      </c>
      <c r="N46" s="39">
        <v>9388</v>
      </c>
      <c r="O46" s="39">
        <v>9700</v>
      </c>
      <c r="P46" s="56">
        <v>0</v>
      </c>
      <c r="Q46" s="56">
        <v>0</v>
      </c>
      <c r="R46" s="56">
        <v>0</v>
      </c>
      <c r="S46" s="56">
        <v>0</v>
      </c>
      <c r="T46" s="56">
        <v>0</v>
      </c>
      <c r="U46" s="56">
        <v>0</v>
      </c>
      <c r="V46" s="39">
        <v>29285</v>
      </c>
      <c r="W46" s="39">
        <v>29339</v>
      </c>
      <c r="X46" s="39">
        <v>33</v>
      </c>
      <c r="Y46" s="43">
        <v>0</v>
      </c>
    </row>
    <row r="47" spans="1:25" s="6" customFormat="1" ht="14.1" customHeight="1" thickTop="1" thickBot="1" x14ac:dyDescent="0.2">
      <c r="A47" s="74" t="s">
        <v>91</v>
      </c>
      <c r="B47" s="75"/>
      <c r="C47" s="57" t="s">
        <v>80</v>
      </c>
      <c r="D47" s="39">
        <v>72054</v>
      </c>
      <c r="E47" s="39">
        <v>72700</v>
      </c>
      <c r="F47" s="39">
        <v>0</v>
      </c>
      <c r="G47" s="39">
        <v>0</v>
      </c>
      <c r="H47" s="39">
        <v>0</v>
      </c>
      <c r="I47" s="44">
        <v>0</v>
      </c>
      <c r="J47" s="39">
        <v>142512</v>
      </c>
      <c r="K47" s="39">
        <v>144179</v>
      </c>
      <c r="L47" s="39">
        <v>142512</v>
      </c>
      <c r="M47" s="39">
        <v>144179</v>
      </c>
      <c r="N47" s="39">
        <v>17299</v>
      </c>
      <c r="O47" s="39">
        <v>17817</v>
      </c>
      <c r="P47" s="41">
        <v>0</v>
      </c>
      <c r="Q47" s="41">
        <v>0</v>
      </c>
      <c r="R47" s="41">
        <v>0</v>
      </c>
      <c r="S47" s="42">
        <v>0</v>
      </c>
      <c r="T47" s="41">
        <v>0</v>
      </c>
      <c r="U47" s="41">
        <v>0</v>
      </c>
      <c r="V47" s="39">
        <v>56897</v>
      </c>
      <c r="W47" s="39">
        <v>57253</v>
      </c>
      <c r="X47" s="39">
        <v>77</v>
      </c>
      <c r="Y47" s="43">
        <v>0</v>
      </c>
    </row>
    <row r="48" spans="1:25" s="6" customFormat="1" ht="14.1" customHeight="1" thickTop="1" thickBot="1" x14ac:dyDescent="0.2">
      <c r="A48" s="76" t="s">
        <v>92</v>
      </c>
      <c r="B48" s="77"/>
      <c r="C48" s="58" t="s">
        <v>80</v>
      </c>
      <c r="D48" s="59">
        <v>1375525</v>
      </c>
      <c r="E48" s="59">
        <v>1415852</v>
      </c>
      <c r="F48" s="59">
        <v>13110</v>
      </c>
      <c r="G48" s="59">
        <v>18507</v>
      </c>
      <c r="H48" s="59">
        <v>6274</v>
      </c>
      <c r="I48" s="60">
        <v>8592</v>
      </c>
      <c r="J48" s="59">
        <v>2194244</v>
      </c>
      <c r="K48" s="59">
        <v>2282964</v>
      </c>
      <c r="L48" s="59">
        <v>2169153</v>
      </c>
      <c r="M48" s="59">
        <v>2246920</v>
      </c>
      <c r="N48" s="59">
        <v>851599</v>
      </c>
      <c r="O48" s="59">
        <v>871970</v>
      </c>
      <c r="P48" s="61">
        <v>19619</v>
      </c>
      <c r="Q48" s="61">
        <v>27501</v>
      </c>
      <c r="R48" s="61">
        <v>5472</v>
      </c>
      <c r="S48" s="62">
        <v>8543</v>
      </c>
      <c r="T48" s="61">
        <v>25091</v>
      </c>
      <c r="U48" s="61">
        <v>36044</v>
      </c>
      <c r="V48" s="59">
        <v>726907</v>
      </c>
      <c r="W48" s="59">
        <v>764946</v>
      </c>
      <c r="X48" s="59">
        <v>650</v>
      </c>
      <c r="Y48" s="63">
        <v>511</v>
      </c>
    </row>
    <row r="49" spans="1:25" s="6" customFormat="1" ht="11.1" customHeight="1" x14ac:dyDescent="0.15">
      <c r="A49" s="64" t="s">
        <v>93</v>
      </c>
      <c r="B49" s="65"/>
      <c r="C49" s="66"/>
      <c r="D49" s="67"/>
      <c r="E49" s="67"/>
      <c r="F49" s="67"/>
      <c r="G49" s="67"/>
      <c r="H49" s="67"/>
      <c r="I49" s="67"/>
      <c r="J49" s="68"/>
      <c r="K49" s="69"/>
      <c r="L49" s="67"/>
      <c r="M49" s="70"/>
      <c r="N49" s="67"/>
      <c r="O49" s="70"/>
      <c r="P49" s="70"/>
      <c r="Q49" s="70"/>
      <c r="R49" s="67"/>
      <c r="S49" s="67"/>
      <c r="T49" s="67"/>
      <c r="U49" s="67"/>
      <c r="V49" s="67"/>
      <c r="W49" s="67"/>
      <c r="X49" s="67"/>
      <c r="Y49" s="67"/>
    </row>
    <row r="50" spans="1:25" s="6" customFormat="1" x14ac:dyDescent="0.15">
      <c r="C50" s="71"/>
      <c r="D50" s="67"/>
      <c r="E50" s="67"/>
      <c r="F50" s="67"/>
      <c r="G50" s="67"/>
      <c r="H50" s="67"/>
      <c r="I50" s="67"/>
      <c r="J50" s="67"/>
      <c r="K50" s="67"/>
      <c r="L50" s="67"/>
      <c r="M50" s="67"/>
      <c r="N50" s="67"/>
      <c r="O50" s="67"/>
      <c r="P50" s="67"/>
      <c r="Q50" s="67"/>
      <c r="R50" s="67"/>
      <c r="S50" s="67"/>
      <c r="T50" s="67"/>
      <c r="U50" s="67"/>
      <c r="V50" s="67"/>
      <c r="W50" s="67"/>
      <c r="X50" s="67"/>
      <c r="Y50" s="67"/>
    </row>
    <row r="51" spans="1:25" x14ac:dyDescent="0.15">
      <c r="D51" s="67"/>
      <c r="E51" s="67"/>
      <c r="F51" s="67"/>
      <c r="G51" s="67"/>
      <c r="H51" s="67"/>
      <c r="I51" s="67"/>
      <c r="J51" s="67"/>
      <c r="K51" s="67"/>
      <c r="L51" s="67"/>
      <c r="M51" s="67"/>
      <c r="N51" s="67"/>
      <c r="O51" s="67"/>
      <c r="P51" s="67"/>
      <c r="Q51" s="67"/>
      <c r="R51" s="67"/>
      <c r="S51" s="67"/>
      <c r="T51" s="67"/>
      <c r="U51" s="67"/>
      <c r="V51" s="67"/>
      <c r="W51" s="67"/>
      <c r="X51" s="67"/>
      <c r="Y51" s="67"/>
    </row>
    <row r="52" spans="1:25" x14ac:dyDescent="0.15">
      <c r="D52" s="67"/>
      <c r="E52" s="67"/>
      <c r="F52" s="67"/>
      <c r="G52" s="67"/>
      <c r="H52" s="67"/>
      <c r="I52" s="67"/>
      <c r="J52" s="67"/>
      <c r="K52" s="67"/>
      <c r="L52" s="67"/>
      <c r="M52" s="67"/>
      <c r="N52" s="67"/>
      <c r="O52" s="67"/>
      <c r="P52" s="67"/>
      <c r="Q52" s="67"/>
      <c r="R52" s="67"/>
      <c r="S52" s="67"/>
      <c r="T52" s="67"/>
      <c r="U52" s="67"/>
      <c r="V52" s="67"/>
      <c r="W52" s="67"/>
      <c r="X52" s="67"/>
      <c r="Y52" s="67"/>
    </row>
    <row r="53" spans="1:25" x14ac:dyDescent="0.15">
      <c r="D53" s="67"/>
      <c r="E53" s="67"/>
      <c r="F53" s="67"/>
      <c r="G53" s="67"/>
      <c r="H53" s="67"/>
      <c r="I53" s="67"/>
      <c r="J53" s="67"/>
      <c r="K53" s="67"/>
      <c r="L53" s="67"/>
      <c r="M53" s="67"/>
      <c r="N53" s="67"/>
      <c r="O53" s="67"/>
      <c r="P53" s="67"/>
      <c r="Q53" s="67"/>
      <c r="R53" s="67"/>
      <c r="S53" s="67"/>
      <c r="T53" s="67"/>
      <c r="U53" s="67"/>
      <c r="V53" s="67"/>
      <c r="W53" s="67"/>
      <c r="X53" s="67"/>
      <c r="Y53" s="67"/>
    </row>
    <row r="54" spans="1:25" x14ac:dyDescent="0.15">
      <c r="D54" s="67"/>
      <c r="E54" s="67"/>
      <c r="F54" s="67"/>
      <c r="G54" s="67"/>
      <c r="H54" s="67"/>
      <c r="I54" s="67"/>
      <c r="J54" s="67"/>
      <c r="K54" s="67"/>
      <c r="L54" s="67"/>
      <c r="M54" s="67"/>
      <c r="N54" s="67"/>
      <c r="O54" s="67"/>
      <c r="P54" s="67"/>
      <c r="Q54" s="67"/>
      <c r="R54" s="67"/>
      <c r="S54" s="67"/>
      <c r="T54" s="67"/>
      <c r="U54" s="67"/>
      <c r="V54" s="67"/>
      <c r="W54" s="67"/>
      <c r="X54" s="67"/>
      <c r="Y54" s="67"/>
    </row>
    <row r="55" spans="1:25" x14ac:dyDescent="0.15">
      <c r="D55" s="67"/>
      <c r="E55" s="67"/>
      <c r="F55" s="67"/>
      <c r="G55" s="67"/>
      <c r="H55" s="67"/>
      <c r="I55" s="67"/>
      <c r="J55" s="67"/>
      <c r="K55" s="67"/>
      <c r="L55" s="67"/>
      <c r="M55" s="67"/>
      <c r="N55" s="67"/>
      <c r="O55" s="67"/>
      <c r="P55" s="67"/>
      <c r="Q55" s="67"/>
      <c r="R55" s="67"/>
      <c r="S55" s="67"/>
      <c r="T55" s="67"/>
      <c r="U55" s="67"/>
      <c r="V55" s="67"/>
      <c r="W55" s="67"/>
      <c r="X55" s="67"/>
      <c r="Y55" s="67"/>
    </row>
    <row r="56" spans="1:25" x14ac:dyDescent="0.15">
      <c r="D56" s="67"/>
      <c r="E56" s="67"/>
      <c r="F56" s="67"/>
      <c r="G56" s="67"/>
      <c r="H56" s="67"/>
      <c r="I56" s="67"/>
      <c r="J56" s="67"/>
      <c r="K56" s="67"/>
      <c r="L56" s="67"/>
      <c r="M56" s="67"/>
      <c r="N56" s="67"/>
      <c r="O56" s="67"/>
      <c r="P56" s="67"/>
      <c r="Q56" s="67"/>
      <c r="R56" s="67"/>
      <c r="S56" s="67"/>
      <c r="T56" s="67"/>
      <c r="U56" s="67"/>
      <c r="V56" s="67"/>
      <c r="W56" s="67"/>
      <c r="X56" s="67"/>
      <c r="Y56" s="67"/>
    </row>
    <row r="57" spans="1:25" x14ac:dyDescent="0.15">
      <c r="D57" s="67"/>
      <c r="E57" s="67"/>
      <c r="F57" s="67"/>
      <c r="G57" s="67"/>
      <c r="H57" s="67"/>
      <c r="I57" s="67"/>
      <c r="J57" s="67"/>
      <c r="K57" s="67"/>
      <c r="L57" s="67"/>
      <c r="M57" s="67"/>
      <c r="N57" s="67"/>
      <c r="O57" s="67"/>
      <c r="P57" s="67"/>
      <c r="Q57" s="67"/>
      <c r="R57" s="67"/>
      <c r="S57" s="67"/>
      <c r="T57" s="67"/>
      <c r="U57" s="67"/>
      <c r="V57" s="67"/>
      <c r="W57" s="67"/>
      <c r="X57" s="67"/>
      <c r="Y57" s="67"/>
    </row>
    <row r="58" spans="1:25" x14ac:dyDescent="0.15">
      <c r="D58" s="67"/>
      <c r="E58" s="67"/>
      <c r="F58" s="67"/>
      <c r="G58" s="67"/>
      <c r="H58" s="67"/>
      <c r="I58" s="67"/>
      <c r="J58" s="67"/>
      <c r="K58" s="67"/>
      <c r="L58" s="67"/>
      <c r="M58" s="67"/>
      <c r="N58" s="67"/>
      <c r="O58" s="67"/>
      <c r="P58" s="67"/>
      <c r="Q58" s="67"/>
      <c r="R58" s="67"/>
      <c r="S58" s="67"/>
      <c r="T58" s="67"/>
      <c r="U58" s="67"/>
      <c r="V58" s="67"/>
      <c r="W58" s="67"/>
      <c r="X58" s="67"/>
      <c r="Y58" s="67"/>
    </row>
    <row r="59" spans="1:25" x14ac:dyDescent="0.15">
      <c r="D59" s="67"/>
      <c r="E59" s="67"/>
      <c r="F59" s="67"/>
      <c r="G59" s="67"/>
      <c r="H59" s="67"/>
      <c r="I59" s="67"/>
      <c r="J59" s="67"/>
      <c r="K59" s="67"/>
      <c r="L59" s="67"/>
      <c r="M59" s="67"/>
      <c r="N59" s="67"/>
      <c r="O59" s="67"/>
      <c r="P59" s="67"/>
      <c r="Q59" s="67"/>
      <c r="R59" s="67"/>
      <c r="S59" s="67"/>
      <c r="T59" s="67"/>
      <c r="U59" s="67"/>
      <c r="V59" s="67"/>
      <c r="W59" s="67"/>
      <c r="X59" s="67"/>
      <c r="Y59" s="67"/>
    </row>
    <row r="60" spans="1:25" x14ac:dyDescent="0.15">
      <c r="D60" s="67"/>
      <c r="E60" s="67"/>
      <c r="F60" s="67"/>
      <c r="G60" s="67"/>
      <c r="H60" s="67"/>
      <c r="I60" s="67"/>
      <c r="J60" s="67"/>
      <c r="K60" s="67"/>
      <c r="L60" s="67"/>
      <c r="M60" s="67"/>
      <c r="N60" s="67"/>
      <c r="O60" s="67"/>
      <c r="P60" s="67"/>
      <c r="Q60" s="67"/>
      <c r="R60" s="67"/>
      <c r="S60" s="67"/>
      <c r="T60" s="67"/>
      <c r="U60" s="67"/>
      <c r="V60" s="67"/>
      <c r="W60" s="67"/>
      <c r="X60" s="67"/>
      <c r="Y60" s="67"/>
    </row>
    <row r="61" spans="1:25" x14ac:dyDescent="0.15">
      <c r="D61" s="67"/>
      <c r="E61" s="67"/>
      <c r="F61" s="67"/>
      <c r="G61" s="67"/>
      <c r="H61" s="67"/>
      <c r="I61" s="67"/>
      <c r="J61" s="67"/>
      <c r="K61" s="67"/>
      <c r="L61" s="67"/>
      <c r="M61" s="67"/>
      <c r="N61" s="67"/>
      <c r="O61" s="67"/>
      <c r="P61" s="67"/>
      <c r="Q61" s="67"/>
      <c r="R61" s="67"/>
      <c r="S61" s="67"/>
      <c r="T61" s="67"/>
      <c r="U61" s="67"/>
      <c r="V61" s="67"/>
      <c r="W61" s="67"/>
      <c r="X61" s="67"/>
      <c r="Y61" s="67"/>
    </row>
    <row r="62" spans="1:25" x14ac:dyDescent="0.15">
      <c r="D62" s="67"/>
      <c r="E62" s="67"/>
      <c r="F62" s="67"/>
      <c r="G62" s="67"/>
      <c r="H62" s="67"/>
      <c r="I62" s="67"/>
      <c r="J62" s="67"/>
      <c r="K62" s="67"/>
      <c r="L62" s="67"/>
      <c r="M62" s="67"/>
      <c r="N62" s="67"/>
      <c r="O62" s="67"/>
      <c r="P62" s="67"/>
      <c r="Q62" s="67"/>
      <c r="R62" s="67"/>
      <c r="S62" s="67"/>
      <c r="T62" s="67"/>
      <c r="U62" s="67"/>
      <c r="V62" s="67"/>
      <c r="W62" s="67"/>
      <c r="X62" s="67"/>
      <c r="Y62" s="67"/>
    </row>
    <row r="63" spans="1:25" x14ac:dyDescent="0.15">
      <c r="D63" s="67"/>
      <c r="E63" s="67"/>
      <c r="F63" s="67"/>
      <c r="G63" s="67"/>
      <c r="H63" s="67"/>
      <c r="I63" s="67"/>
      <c r="J63" s="67"/>
      <c r="K63" s="67"/>
      <c r="L63" s="67"/>
      <c r="M63" s="67"/>
      <c r="N63" s="67"/>
      <c r="O63" s="67"/>
      <c r="P63" s="67"/>
      <c r="Q63" s="67"/>
      <c r="R63" s="67"/>
      <c r="S63" s="67"/>
      <c r="T63" s="67"/>
      <c r="U63" s="67"/>
      <c r="V63" s="67"/>
      <c r="W63" s="67"/>
      <c r="X63" s="67"/>
      <c r="Y63" s="67"/>
    </row>
    <row r="64" spans="1:25" x14ac:dyDescent="0.15">
      <c r="D64" s="67"/>
      <c r="E64" s="67"/>
      <c r="F64" s="67"/>
      <c r="G64" s="67"/>
      <c r="H64" s="67"/>
      <c r="I64" s="67"/>
      <c r="J64" s="67"/>
      <c r="K64" s="67"/>
      <c r="L64" s="67"/>
      <c r="M64" s="67"/>
      <c r="N64" s="67"/>
      <c r="O64" s="67"/>
      <c r="P64" s="67"/>
      <c r="Q64" s="67"/>
      <c r="R64" s="67"/>
      <c r="S64" s="67"/>
      <c r="T64" s="67"/>
      <c r="U64" s="67"/>
      <c r="V64" s="67"/>
      <c r="W64" s="67"/>
      <c r="X64" s="67"/>
      <c r="Y64" s="67"/>
    </row>
    <row r="65" spans="4:25" x14ac:dyDescent="0.15">
      <c r="D65" s="67"/>
      <c r="E65" s="67"/>
      <c r="F65" s="67"/>
      <c r="G65" s="67"/>
      <c r="H65" s="67"/>
      <c r="I65" s="67"/>
      <c r="J65" s="67"/>
      <c r="K65" s="67"/>
      <c r="L65" s="67"/>
      <c r="M65" s="67"/>
      <c r="N65" s="67"/>
      <c r="O65" s="67"/>
      <c r="P65" s="67"/>
      <c r="Q65" s="67"/>
      <c r="R65" s="67"/>
      <c r="S65" s="67"/>
      <c r="T65" s="67"/>
      <c r="U65" s="67"/>
      <c r="V65" s="67"/>
      <c r="W65" s="67"/>
      <c r="X65" s="67"/>
      <c r="Y65" s="67"/>
    </row>
    <row r="66" spans="4:25" x14ac:dyDescent="0.15">
      <c r="D66" s="67"/>
      <c r="E66" s="67"/>
      <c r="F66" s="67"/>
      <c r="G66" s="67"/>
      <c r="H66" s="67"/>
      <c r="I66" s="67"/>
      <c r="J66" s="67"/>
      <c r="K66" s="67"/>
      <c r="L66" s="67"/>
      <c r="M66" s="67"/>
      <c r="N66" s="67"/>
      <c r="O66" s="67"/>
      <c r="P66" s="67"/>
      <c r="Q66" s="67"/>
      <c r="R66" s="67"/>
      <c r="S66" s="67"/>
      <c r="T66" s="67"/>
      <c r="U66" s="67"/>
      <c r="V66" s="67"/>
      <c r="W66" s="67"/>
      <c r="X66" s="67"/>
      <c r="Y66" s="67"/>
    </row>
    <row r="67" spans="4:25" x14ac:dyDescent="0.15">
      <c r="D67" s="67"/>
      <c r="E67" s="67"/>
      <c r="F67" s="67"/>
      <c r="G67" s="67"/>
      <c r="H67" s="67"/>
      <c r="I67" s="67"/>
      <c r="J67" s="67"/>
      <c r="K67" s="67"/>
      <c r="L67" s="67"/>
      <c r="M67" s="67"/>
      <c r="N67" s="67"/>
      <c r="O67" s="67"/>
      <c r="P67" s="67"/>
      <c r="Q67" s="67"/>
      <c r="R67" s="67"/>
      <c r="S67" s="67"/>
      <c r="T67" s="67"/>
      <c r="U67" s="67"/>
      <c r="V67" s="67"/>
      <c r="W67" s="67"/>
      <c r="X67" s="67"/>
      <c r="Y67" s="67"/>
    </row>
    <row r="68" spans="4:25" x14ac:dyDescent="0.15">
      <c r="D68" s="67"/>
      <c r="E68" s="67"/>
      <c r="F68" s="67"/>
      <c r="G68" s="67"/>
      <c r="H68" s="67"/>
      <c r="I68" s="67"/>
      <c r="J68" s="67"/>
      <c r="K68" s="67"/>
      <c r="L68" s="67"/>
      <c r="M68" s="67"/>
      <c r="N68" s="67"/>
      <c r="O68" s="67"/>
      <c r="P68" s="67"/>
      <c r="Q68" s="67"/>
      <c r="R68" s="67"/>
      <c r="S68" s="67"/>
      <c r="T68" s="67"/>
      <c r="U68" s="67"/>
      <c r="V68" s="67"/>
      <c r="W68" s="67"/>
      <c r="X68" s="67"/>
      <c r="Y68" s="67"/>
    </row>
    <row r="69" spans="4:25" x14ac:dyDescent="0.15">
      <c r="D69" s="67"/>
      <c r="E69" s="67"/>
      <c r="F69" s="67"/>
      <c r="G69" s="67"/>
      <c r="H69" s="67"/>
      <c r="I69" s="67"/>
      <c r="J69" s="67"/>
      <c r="K69" s="67"/>
      <c r="L69" s="67"/>
      <c r="M69" s="67"/>
      <c r="N69" s="67"/>
      <c r="O69" s="67"/>
      <c r="P69" s="67"/>
      <c r="Q69" s="67"/>
      <c r="R69" s="67"/>
      <c r="S69" s="67"/>
      <c r="T69" s="67"/>
      <c r="U69" s="67"/>
      <c r="V69" s="67"/>
      <c r="W69" s="67"/>
      <c r="X69" s="67"/>
      <c r="Y69" s="67"/>
    </row>
    <row r="70" spans="4:25" x14ac:dyDescent="0.15">
      <c r="D70" s="67"/>
      <c r="E70" s="67"/>
      <c r="F70" s="67"/>
      <c r="G70" s="67"/>
      <c r="H70" s="67"/>
      <c r="I70" s="67"/>
      <c r="J70" s="67"/>
      <c r="K70" s="67"/>
      <c r="L70" s="67"/>
      <c r="M70" s="67"/>
      <c r="N70" s="67"/>
      <c r="O70" s="67"/>
      <c r="P70" s="67"/>
      <c r="Q70" s="67"/>
      <c r="R70" s="67"/>
      <c r="S70" s="67"/>
      <c r="T70" s="67"/>
      <c r="U70" s="67"/>
      <c r="V70" s="67"/>
      <c r="W70" s="67"/>
      <c r="X70" s="67"/>
      <c r="Y70" s="67"/>
    </row>
    <row r="71" spans="4:25" x14ac:dyDescent="0.15">
      <c r="D71" s="67"/>
      <c r="E71" s="67"/>
      <c r="F71" s="67"/>
      <c r="G71" s="67"/>
      <c r="H71" s="67"/>
      <c r="I71" s="67"/>
      <c r="J71" s="67"/>
      <c r="K71" s="67"/>
      <c r="L71" s="67"/>
      <c r="M71" s="67"/>
      <c r="N71" s="67"/>
      <c r="O71" s="67"/>
      <c r="P71" s="67"/>
      <c r="Q71" s="67"/>
      <c r="R71" s="67"/>
      <c r="S71" s="67"/>
      <c r="T71" s="67"/>
      <c r="U71" s="67"/>
      <c r="V71" s="67"/>
      <c r="W71" s="67"/>
      <c r="X71" s="67"/>
      <c r="Y71" s="67"/>
    </row>
    <row r="72" spans="4:25" x14ac:dyDescent="0.15">
      <c r="D72" s="67"/>
      <c r="E72" s="67"/>
      <c r="F72" s="67"/>
      <c r="G72" s="67"/>
      <c r="H72" s="67"/>
      <c r="I72" s="67"/>
      <c r="J72" s="67"/>
      <c r="K72" s="67"/>
      <c r="L72" s="67"/>
      <c r="M72" s="67"/>
      <c r="N72" s="67"/>
      <c r="O72" s="67"/>
      <c r="P72" s="67"/>
      <c r="Q72" s="67"/>
      <c r="R72" s="67"/>
      <c r="S72" s="67"/>
      <c r="T72" s="67"/>
      <c r="U72" s="67"/>
      <c r="V72" s="67"/>
      <c r="W72" s="67"/>
      <c r="X72" s="67"/>
      <c r="Y72" s="67"/>
    </row>
    <row r="73" spans="4:25" x14ac:dyDescent="0.15">
      <c r="D73" s="67"/>
      <c r="E73" s="67"/>
      <c r="F73" s="67"/>
      <c r="G73" s="67"/>
      <c r="H73" s="67"/>
      <c r="I73" s="67"/>
      <c r="J73" s="67"/>
      <c r="K73" s="67"/>
      <c r="L73" s="67"/>
      <c r="M73" s="67"/>
      <c r="N73" s="67"/>
      <c r="O73" s="67"/>
      <c r="P73" s="67"/>
      <c r="Q73" s="67"/>
      <c r="R73" s="67"/>
      <c r="S73" s="67"/>
      <c r="T73" s="67"/>
      <c r="U73" s="67"/>
      <c r="V73" s="67"/>
      <c r="W73" s="67"/>
      <c r="X73" s="67"/>
      <c r="Y73" s="67"/>
    </row>
    <row r="74" spans="4:25" x14ac:dyDescent="0.15">
      <c r="D74" s="67"/>
      <c r="E74" s="67"/>
      <c r="F74" s="67"/>
      <c r="G74" s="67"/>
      <c r="H74" s="67"/>
      <c r="I74" s="67"/>
      <c r="J74" s="67"/>
      <c r="K74" s="67"/>
      <c r="L74" s="67"/>
      <c r="M74" s="67"/>
      <c r="N74" s="67"/>
      <c r="O74" s="67"/>
      <c r="P74" s="67"/>
      <c r="Q74" s="67"/>
      <c r="R74" s="67"/>
      <c r="S74" s="67"/>
      <c r="T74" s="67"/>
      <c r="U74" s="67"/>
      <c r="V74" s="67"/>
      <c r="W74" s="67"/>
      <c r="X74" s="67"/>
      <c r="Y74" s="67"/>
    </row>
    <row r="75" spans="4:25" x14ac:dyDescent="0.15">
      <c r="D75" s="67"/>
      <c r="E75" s="67"/>
      <c r="F75" s="67"/>
      <c r="G75" s="67"/>
      <c r="H75" s="67"/>
      <c r="I75" s="67"/>
      <c r="J75" s="67"/>
      <c r="K75" s="67"/>
      <c r="L75" s="67"/>
      <c r="M75" s="67"/>
      <c r="N75" s="67"/>
      <c r="O75" s="67"/>
      <c r="P75" s="67"/>
      <c r="Q75" s="67"/>
      <c r="R75" s="67"/>
      <c r="S75" s="67"/>
      <c r="T75" s="67"/>
      <c r="U75" s="67"/>
      <c r="V75" s="67"/>
      <c r="W75" s="67"/>
      <c r="X75" s="67"/>
      <c r="Y75" s="67"/>
    </row>
  </sheetData>
  <mergeCells count="15">
    <mergeCell ref="X4:Y5"/>
    <mergeCell ref="A5:B5"/>
    <mergeCell ref="D5:D6"/>
    <mergeCell ref="E5:E6"/>
    <mergeCell ref="C4:C6"/>
    <mergeCell ref="D4:E4"/>
    <mergeCell ref="F4:I4"/>
    <mergeCell ref="J4:K5"/>
    <mergeCell ref="L4:M5"/>
    <mergeCell ref="N4:O5"/>
    <mergeCell ref="A40:B40"/>
    <mergeCell ref="A47:B47"/>
    <mergeCell ref="A48:B48"/>
    <mergeCell ref="P4:U4"/>
    <mergeCell ref="V4:W5"/>
  </mergeCells>
  <phoneticPr fontId="2"/>
  <printOptions horizontalCentered="1" verticalCentered="1"/>
  <pageMargins left="0.7" right="0.7" top="0.75" bottom="0.75" header="0.3" footer="0.3"/>
  <pageSetup paperSize="9" scale="78" orientation="landscape" blackAndWhite="1" r:id="rId1"/>
  <headerFooter alignWithMargins="0"/>
  <colBreaks count="1" manualBreakCount="1">
    <brk id="30" max="49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第1表</vt:lpstr>
      <vt:lpstr>第1表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8T00:19:42Z</cp:lastPrinted>
  <dcterms:created xsi:type="dcterms:W3CDTF">2018-03-07T04:33:21Z</dcterms:created>
  <dcterms:modified xsi:type="dcterms:W3CDTF">2018-03-08T00:21:19Z</dcterms:modified>
</cp:coreProperties>
</file>